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追浜橋" sheetId="1" r:id="rId1"/>
    <sheet name="夫婦橋" sheetId="2" r:id="rId2"/>
    <sheet name="竹川合流後" sheetId="3" r:id="rId3"/>
    <sheet name="下山橋" sheetId="4" r:id="rId4"/>
    <sheet name="森戸橋" sheetId="5" r:id="rId5"/>
    <sheet name="渚橋" sheetId="6" r:id="rId6"/>
    <sheet name="滑川橋" sheetId="7" r:id="rId7"/>
    <sheet name="神戸橋" sheetId="8" r:id="rId8"/>
  </sheets>
  <calcPr calcId="0"/>
</workbook>
</file>

<file path=xl/sharedStrings.xml><?xml version="1.0" encoding="utf-8"?>
<sst xmlns="http://schemas.openxmlformats.org/spreadsheetml/2006/main" count="5220" uniqueCount="750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雨</t>
  </si>
  <si>
    <t>降雨なし</t>
  </si>
  <si>
    <t>16.5</t>
  </si>
  <si>
    <t>16.6</t>
  </si>
  <si>
    <t>0.03</t>
  </si>
  <si>
    <t>1.69</t>
  </si>
  <si>
    <t>0.33</t>
  </si>
  <si>
    <t>&gt;100</t>
  </si>
  <si>
    <t>通常の状況</t>
  </si>
  <si>
    <t>無色</t>
  </si>
  <si>
    <t>無臭</t>
  </si>
  <si>
    <t>7.9</t>
  </si>
  <si>
    <t>1.2</t>
  </si>
  <si>
    <t>3.4</t>
  </si>
  <si>
    <t>3</t>
  </si>
  <si>
    <t>曇り</t>
  </si>
  <si>
    <t>15.0</t>
  </si>
  <si>
    <t>16.3</t>
  </si>
  <si>
    <t>1.06</t>
  </si>
  <si>
    <t>0.27</t>
  </si>
  <si>
    <t>1.38</t>
  </si>
  <si>
    <t>1.7</t>
  </si>
  <si>
    <t>2</t>
  </si>
  <si>
    <t>2018/05/18</t>
  </si>
  <si>
    <t>晴れ</t>
  </si>
  <si>
    <t>28.3</t>
  </si>
  <si>
    <t>24.2</t>
  </si>
  <si>
    <t>0.00</t>
  </si>
  <si>
    <t>0.24</t>
  </si>
  <si>
    <t>0.25</t>
  </si>
  <si>
    <t>1.26</t>
  </si>
  <si>
    <t>8.0</t>
  </si>
  <si>
    <t>0.9</t>
  </si>
  <si>
    <t>4.5</t>
  </si>
  <si>
    <t>7</t>
  </si>
  <si>
    <t>22.2</t>
  </si>
  <si>
    <t>21.3</t>
  </si>
  <si>
    <t>0.61</t>
  </si>
  <si>
    <t>0.53</t>
  </si>
  <si>
    <t>2.67</t>
  </si>
  <si>
    <t>8.2</t>
  </si>
  <si>
    <t>3.5</t>
  </si>
  <si>
    <t>1</t>
  </si>
  <si>
    <t>2018/06/08</t>
  </si>
  <si>
    <t>27.4</t>
  </si>
  <si>
    <t>25.1</t>
  </si>
  <si>
    <t>0.17</t>
  </si>
  <si>
    <t>0.35</t>
  </si>
  <si>
    <t>1.79</t>
  </si>
  <si>
    <t>8.3</t>
  </si>
  <si>
    <t>1.4</t>
  </si>
  <si>
    <t>2.9</t>
  </si>
  <si>
    <t>23.8</t>
  </si>
  <si>
    <t>23.3</t>
  </si>
  <si>
    <t>-0.09</t>
  </si>
  <si>
    <t>0.30</t>
  </si>
  <si>
    <t>1.54</t>
  </si>
  <si>
    <t>8.7</t>
  </si>
  <si>
    <t>0.8</t>
  </si>
  <si>
    <t>2018/07/04</t>
  </si>
  <si>
    <t>27.7</t>
  </si>
  <si>
    <t>24.4</t>
  </si>
  <si>
    <t>0.05</t>
  </si>
  <si>
    <t>2.29</t>
  </si>
  <si>
    <t>0.31</t>
  </si>
  <si>
    <t>1.56</t>
  </si>
  <si>
    <t>1.5</t>
  </si>
  <si>
    <t>2.6</t>
  </si>
  <si>
    <t>25.3</t>
  </si>
  <si>
    <t>0.01</t>
  </si>
  <si>
    <t>0.34</t>
  </si>
  <si>
    <t>0.37</t>
  </si>
  <si>
    <t>1.89</t>
  </si>
  <si>
    <t>8.1</t>
  </si>
  <si>
    <t>2.8</t>
  </si>
  <si>
    <t>3.0</t>
  </si>
  <si>
    <t>5</t>
  </si>
  <si>
    <t>2018/08/01</t>
  </si>
  <si>
    <t>33.1</t>
  </si>
  <si>
    <t>29.8</t>
  </si>
  <si>
    <t>0.02</t>
  </si>
  <si>
    <t>3.9</t>
  </si>
  <si>
    <t>29.4</t>
  </si>
  <si>
    <t>29.2</t>
  </si>
  <si>
    <t>-0.36</t>
  </si>
  <si>
    <t>0.43</t>
  </si>
  <si>
    <t>2.16</t>
  </si>
  <si>
    <t>5.3</t>
  </si>
  <si>
    <t>5.1</t>
  </si>
  <si>
    <t>2018/09/11</t>
  </si>
  <si>
    <t>30mm以上</t>
  </si>
  <si>
    <t>24.9</t>
  </si>
  <si>
    <t>-0.01</t>
  </si>
  <si>
    <t>-0.42</t>
  </si>
  <si>
    <t>7.8</t>
  </si>
  <si>
    <t>3.6</t>
  </si>
  <si>
    <t>4</t>
  </si>
  <si>
    <t>22.8</t>
  </si>
  <si>
    <t>23.1</t>
  </si>
  <si>
    <t>0.76</t>
  </si>
  <si>
    <t>0.50</t>
  </si>
  <si>
    <t>2.53</t>
  </si>
  <si>
    <t>1.6</t>
  </si>
  <si>
    <t>4.3</t>
  </si>
  <si>
    <t>2018/10/03</t>
  </si>
  <si>
    <t>24.1</t>
  </si>
  <si>
    <t>19.6</t>
  </si>
  <si>
    <t>-0.18</t>
  </si>
  <si>
    <t>0.38</t>
  </si>
  <si>
    <t>1.91</t>
  </si>
  <si>
    <t>3.7</t>
  </si>
  <si>
    <t>20.9</t>
  </si>
  <si>
    <t>21.1</t>
  </si>
  <si>
    <t>0.36</t>
  </si>
  <si>
    <t>1.84</t>
  </si>
  <si>
    <t>1.3</t>
  </si>
  <si>
    <t>2018/11/07</t>
  </si>
  <si>
    <t>18.1</t>
  </si>
  <si>
    <t>1.55</t>
  </si>
  <si>
    <t>4.1</t>
  </si>
  <si>
    <t>6</t>
  </si>
  <si>
    <t>16.4</t>
  </si>
  <si>
    <t>1.76</t>
  </si>
  <si>
    <t>4.0</t>
  </si>
  <si>
    <t>2018/12/05</t>
  </si>
  <si>
    <t>10mm以上20mm未満</t>
  </si>
  <si>
    <t>19.4</t>
  </si>
  <si>
    <t>-0.51</t>
  </si>
  <si>
    <t>1.70</t>
  </si>
  <si>
    <t>0.4</t>
  </si>
  <si>
    <t>2.1</t>
  </si>
  <si>
    <t>16.0</t>
  </si>
  <si>
    <t>16.1</t>
  </si>
  <si>
    <t>-0.76</t>
  </si>
  <si>
    <t>0.5</t>
  </si>
  <si>
    <t>2.3</t>
  </si>
  <si>
    <t>2019/01/09</t>
  </si>
  <si>
    <t>7.6</t>
  </si>
  <si>
    <t>7.7</t>
  </si>
  <si>
    <t>0.69</t>
  </si>
  <si>
    <t>0.29</t>
  </si>
  <si>
    <t>1.46</t>
  </si>
  <si>
    <t>6.7</t>
  </si>
  <si>
    <t>1.42</t>
  </si>
  <si>
    <t>2.2</t>
  </si>
  <si>
    <t>2019/02/12</t>
  </si>
  <si>
    <t>8.5</t>
  </si>
  <si>
    <t>4.7</t>
  </si>
  <si>
    <t>0.92</t>
  </si>
  <si>
    <t>1.74</t>
  </si>
  <si>
    <t>3.1</t>
  </si>
  <si>
    <t>6.4</t>
  </si>
  <si>
    <t>1.48</t>
  </si>
  <si>
    <t>2019/03/06</t>
  </si>
  <si>
    <t>10.1</t>
  </si>
  <si>
    <t>12.0</t>
  </si>
  <si>
    <t>0.42</t>
  </si>
  <si>
    <t>1.50</t>
  </si>
  <si>
    <t>3.8</t>
  </si>
  <si>
    <t>5.6</t>
  </si>
  <si>
    <t>10.3</t>
  </si>
  <si>
    <t>0.19</t>
  </si>
  <si>
    <t>0.39</t>
  </si>
  <si>
    <t>1.98</t>
  </si>
  <si>
    <t>82.0</t>
  </si>
  <si>
    <t>茶色・淡（明）</t>
  </si>
  <si>
    <t>2.4</t>
  </si>
  <si>
    <t>22</t>
  </si>
  <si>
    <t>17.4</t>
  </si>
  <si>
    <t>2.11</t>
  </si>
  <si>
    <t>0.52</t>
  </si>
  <si>
    <t>2.60</t>
  </si>
  <si>
    <t>86.5</t>
  </si>
  <si>
    <t>4.2</t>
  </si>
  <si>
    <t>15.5</t>
  </si>
  <si>
    <t>18.4</t>
  </si>
  <si>
    <t>0.04</t>
  </si>
  <si>
    <t>3.95</t>
  </si>
  <si>
    <t>0.48</t>
  </si>
  <si>
    <t>2.41</t>
  </si>
  <si>
    <t>71.0</t>
  </si>
  <si>
    <t>黄色・淡（明）</t>
  </si>
  <si>
    <t>8.4</t>
  </si>
  <si>
    <t>10</t>
  </si>
  <si>
    <t>26.5</t>
  </si>
  <si>
    <t>20.1</t>
  </si>
  <si>
    <t>4.81</t>
  </si>
  <si>
    <t>2.44</t>
  </si>
  <si>
    <t>1.1</t>
  </si>
  <si>
    <t>22.9</t>
  </si>
  <si>
    <t>-0.08</t>
  </si>
  <si>
    <t>-6.80</t>
  </si>
  <si>
    <t>2.42</t>
  </si>
  <si>
    <t>0.6</t>
  </si>
  <si>
    <t>26.8</t>
  </si>
  <si>
    <t>23.6</t>
  </si>
  <si>
    <t>2.64</t>
  </si>
  <si>
    <t>0.54</t>
  </si>
  <si>
    <t>2.71</t>
  </si>
  <si>
    <t>4.6</t>
  </si>
  <si>
    <t>25.4</t>
  </si>
  <si>
    <t>24.6</t>
  </si>
  <si>
    <t>3.72</t>
  </si>
  <si>
    <t>80.0</t>
  </si>
  <si>
    <t>2.7</t>
  </si>
  <si>
    <t>5.8</t>
  </si>
  <si>
    <t>13</t>
  </si>
  <si>
    <t>27.5</t>
  </si>
  <si>
    <t>26.3</t>
  </si>
  <si>
    <t>0.08</t>
  </si>
  <si>
    <t>8.12</t>
  </si>
  <si>
    <t>0.57</t>
  </si>
  <si>
    <t>2.89</t>
  </si>
  <si>
    <t>26.0</t>
  </si>
  <si>
    <t>26.7</t>
  </si>
  <si>
    <t>-0.05</t>
  </si>
  <si>
    <t>-5.04</t>
  </si>
  <si>
    <t>0.59</t>
  </si>
  <si>
    <t>2.97</t>
  </si>
  <si>
    <t>70.4</t>
  </si>
  <si>
    <t>31.2</t>
  </si>
  <si>
    <t>28.6</t>
  </si>
  <si>
    <t>0.09</t>
  </si>
  <si>
    <t>8.78</t>
  </si>
  <si>
    <t>2.87</t>
  </si>
  <si>
    <t>54.0</t>
  </si>
  <si>
    <t>31.4</t>
  </si>
  <si>
    <t>28.7</t>
  </si>
  <si>
    <t>-5.37</t>
  </si>
  <si>
    <t>0.62</t>
  </si>
  <si>
    <t>3.13</t>
  </si>
  <si>
    <t>46.0</t>
  </si>
  <si>
    <t>8.6</t>
  </si>
  <si>
    <t>7.1</t>
  </si>
  <si>
    <t>-0.12</t>
  </si>
  <si>
    <t>-10.70</t>
  </si>
  <si>
    <t>0.51</t>
  </si>
  <si>
    <t>2.57</t>
  </si>
  <si>
    <t>62.0</t>
  </si>
  <si>
    <t>7.5</t>
  </si>
  <si>
    <t>1.0</t>
  </si>
  <si>
    <t>5.5</t>
  </si>
  <si>
    <t>24.3</t>
  </si>
  <si>
    <t>0.72</t>
  </si>
  <si>
    <t>3.61</t>
  </si>
  <si>
    <t>5.0</t>
  </si>
  <si>
    <t>22.5</t>
  </si>
  <si>
    <t>20.3</t>
  </si>
  <si>
    <t>3.57</t>
  </si>
  <si>
    <t>2.85</t>
  </si>
  <si>
    <t>&lt;1</t>
  </si>
  <si>
    <t>21.0</t>
  </si>
  <si>
    <t>21.9</t>
  </si>
  <si>
    <t>-0.84</t>
  </si>
  <si>
    <t>0.58</t>
  </si>
  <si>
    <t>2.92</t>
  </si>
  <si>
    <t>19.2</t>
  </si>
  <si>
    <t>-4.81</t>
  </si>
  <si>
    <t>2.56</t>
  </si>
  <si>
    <t>5.2</t>
  </si>
  <si>
    <t>16.8</t>
  </si>
  <si>
    <t>-0.06</t>
  </si>
  <si>
    <t>-6.85</t>
  </si>
  <si>
    <t>0.64</t>
  </si>
  <si>
    <t>3.22</t>
  </si>
  <si>
    <t>18.8</t>
  </si>
  <si>
    <t>17.8</t>
  </si>
  <si>
    <t>-0.02</t>
  </si>
  <si>
    <t>-2.35</t>
  </si>
  <si>
    <t>6.0</t>
  </si>
  <si>
    <t>17.6</t>
  </si>
  <si>
    <t>-0.10</t>
  </si>
  <si>
    <t>-9.77</t>
  </si>
  <si>
    <t>0.55</t>
  </si>
  <si>
    <t>2.75</t>
  </si>
  <si>
    <t>7.0</t>
  </si>
  <si>
    <t>10.9</t>
  </si>
  <si>
    <t>8.86</t>
  </si>
  <si>
    <t>2.86</t>
  </si>
  <si>
    <t>2.0</t>
  </si>
  <si>
    <t>11.2</t>
  </si>
  <si>
    <t>-2.13</t>
  </si>
  <si>
    <t>1.03</t>
  </si>
  <si>
    <t>0.60</t>
  </si>
  <si>
    <t>3.00</t>
  </si>
  <si>
    <t>3.2</t>
  </si>
  <si>
    <t>7.4</t>
  </si>
  <si>
    <t>11.8</t>
  </si>
  <si>
    <t>-5.00</t>
  </si>
  <si>
    <t>0.7</t>
  </si>
  <si>
    <t>10.0</t>
  </si>
  <si>
    <t>12.6</t>
  </si>
  <si>
    <t>2.48</t>
  </si>
  <si>
    <t>2.62</t>
  </si>
  <si>
    <t>12.1</t>
  </si>
  <si>
    <t>13.1</t>
  </si>
  <si>
    <t>8.27</t>
  </si>
  <si>
    <t>5.4</t>
  </si>
  <si>
    <t>17.2</t>
  </si>
  <si>
    <t>15.1</t>
  </si>
  <si>
    <t>0.15</t>
  </si>
  <si>
    <t>0.16</t>
  </si>
  <si>
    <t>65.5</t>
  </si>
  <si>
    <t>6.6</t>
  </si>
  <si>
    <t>12</t>
  </si>
  <si>
    <t>17.9</t>
  </si>
  <si>
    <t>0.06</t>
  </si>
  <si>
    <t>56.0</t>
  </si>
  <si>
    <t>25.2</t>
  </si>
  <si>
    <t>20.7</t>
  </si>
  <si>
    <t>0.32</t>
  </si>
  <si>
    <t>80.4</t>
  </si>
  <si>
    <t>23.7</t>
  </si>
  <si>
    <t>0.07</t>
  </si>
  <si>
    <t>59.5</t>
  </si>
  <si>
    <t>8.8</t>
  </si>
  <si>
    <t>5.9</t>
  </si>
  <si>
    <t>24.7</t>
  </si>
  <si>
    <t>22.0</t>
  </si>
  <si>
    <t>0.23</t>
  </si>
  <si>
    <t>47.0</t>
  </si>
  <si>
    <t>25.8</t>
  </si>
  <si>
    <t>0.13</t>
  </si>
  <si>
    <t>57.0</t>
  </si>
  <si>
    <t>27.3</t>
  </si>
  <si>
    <t>25.5</t>
  </si>
  <si>
    <t>0.11</t>
  </si>
  <si>
    <t>66.0</t>
  </si>
  <si>
    <t>27.9</t>
  </si>
  <si>
    <t>0.22</t>
  </si>
  <si>
    <t>50.0</t>
  </si>
  <si>
    <t>9.0</t>
  </si>
  <si>
    <t>8</t>
  </si>
  <si>
    <t>30.5</t>
  </si>
  <si>
    <t>27.1</t>
  </si>
  <si>
    <t>0.63</t>
  </si>
  <si>
    <t>0.12</t>
  </si>
  <si>
    <t>72.5</t>
  </si>
  <si>
    <t>32.0</t>
  </si>
  <si>
    <t>31.7</t>
  </si>
  <si>
    <t>-0.59</t>
  </si>
  <si>
    <t>0.41</t>
  </si>
  <si>
    <t>42.0</t>
  </si>
  <si>
    <t>19</t>
  </si>
  <si>
    <t>23.2</t>
  </si>
  <si>
    <t>40.0</t>
  </si>
  <si>
    <t>21</t>
  </si>
  <si>
    <t>0.81</t>
  </si>
  <si>
    <t>0.95</t>
  </si>
  <si>
    <t>11</t>
  </si>
  <si>
    <t>19.1</t>
  </si>
  <si>
    <t>70.0</t>
  </si>
  <si>
    <t>22.4</t>
  </si>
  <si>
    <t>0.67</t>
  </si>
  <si>
    <t>0.40</t>
  </si>
  <si>
    <t>65.0</t>
  </si>
  <si>
    <t>0.18</t>
  </si>
  <si>
    <t>60.0</t>
  </si>
  <si>
    <t>17.0</t>
  </si>
  <si>
    <t>17.7</t>
  </si>
  <si>
    <t>1.05</t>
  </si>
  <si>
    <t>0.89</t>
  </si>
  <si>
    <t>6.2</t>
  </si>
  <si>
    <t>16.9</t>
  </si>
  <si>
    <t>52.0</t>
  </si>
  <si>
    <t>0.66</t>
  </si>
  <si>
    <t>6.8</t>
  </si>
  <si>
    <t>9.2</t>
  </si>
  <si>
    <t>0.87</t>
  </si>
  <si>
    <t>68.0</t>
  </si>
  <si>
    <t>4.8</t>
  </si>
  <si>
    <t>-0.79</t>
  </si>
  <si>
    <t>0.65</t>
  </si>
  <si>
    <t>61.0</t>
  </si>
  <si>
    <t>9.7</t>
  </si>
  <si>
    <t>11.0</t>
  </si>
  <si>
    <t>12.5</t>
  </si>
  <si>
    <t>13.9</t>
  </si>
  <si>
    <t>1.23</t>
  </si>
  <si>
    <t>0.84</t>
  </si>
  <si>
    <t>58.0</t>
  </si>
  <si>
    <t>6.5</t>
  </si>
  <si>
    <t>9</t>
  </si>
  <si>
    <t>15.3</t>
  </si>
  <si>
    <t>14.2</t>
  </si>
  <si>
    <t>0.10</t>
  </si>
  <si>
    <t>黄褐色・淡（明）</t>
  </si>
  <si>
    <t>洗剤臭（微）</t>
  </si>
  <si>
    <t>快晴</t>
  </si>
  <si>
    <t>17.3</t>
  </si>
  <si>
    <t>0.77</t>
  </si>
  <si>
    <t>灰黄色・淡（明）</t>
  </si>
  <si>
    <t>7.3</t>
  </si>
  <si>
    <t>2018/05/22</t>
  </si>
  <si>
    <t>18.6</t>
  </si>
  <si>
    <t>18.3</t>
  </si>
  <si>
    <t>1.17</t>
  </si>
  <si>
    <t>1.8</t>
  </si>
  <si>
    <t>21.4</t>
  </si>
  <si>
    <t>下水臭（微）</t>
  </si>
  <si>
    <t>2018/06/05</t>
  </si>
  <si>
    <t>-0.13</t>
  </si>
  <si>
    <t>0.96</t>
  </si>
  <si>
    <t>5.7</t>
  </si>
  <si>
    <t>23.9</t>
  </si>
  <si>
    <t>0.80</t>
  </si>
  <si>
    <t>6.1</t>
  </si>
  <si>
    <t>0.46</t>
  </si>
  <si>
    <t>1.11</t>
  </si>
  <si>
    <t>0.82</t>
  </si>
  <si>
    <t>2018/08/07</t>
  </si>
  <si>
    <t>22.3</t>
  </si>
  <si>
    <t>25.0</t>
  </si>
  <si>
    <t>0.14</t>
  </si>
  <si>
    <t>0.47</t>
  </si>
  <si>
    <t>24.0</t>
  </si>
  <si>
    <t>25.6</t>
  </si>
  <si>
    <t>1.19</t>
  </si>
  <si>
    <t>0.99</t>
  </si>
  <si>
    <t>62</t>
  </si>
  <si>
    <t>茶褐色・淡（明）</t>
  </si>
  <si>
    <t>6.9</t>
  </si>
  <si>
    <t>2018/09/19</t>
  </si>
  <si>
    <t>20.0</t>
  </si>
  <si>
    <t>0.21</t>
  </si>
  <si>
    <t>55</t>
  </si>
  <si>
    <t>茶褐色・中</t>
  </si>
  <si>
    <t>6.3</t>
  </si>
  <si>
    <t>21.8</t>
  </si>
  <si>
    <t>23.4</t>
  </si>
  <si>
    <t>0.98</t>
  </si>
  <si>
    <t>19.8</t>
  </si>
  <si>
    <t>0.71</t>
  </si>
  <si>
    <t>4.4</t>
  </si>
  <si>
    <t>19.5</t>
  </si>
  <si>
    <t>0.70</t>
  </si>
  <si>
    <t>灰色・淡（明）</t>
  </si>
  <si>
    <t>16.7</t>
  </si>
  <si>
    <t>0.75</t>
  </si>
  <si>
    <t>48</t>
  </si>
  <si>
    <t>15.8</t>
  </si>
  <si>
    <t>1.02</t>
  </si>
  <si>
    <t>65</t>
  </si>
  <si>
    <t>0.44</t>
  </si>
  <si>
    <t>1.10</t>
  </si>
  <si>
    <t>1.15</t>
  </si>
  <si>
    <t>0.94</t>
  </si>
  <si>
    <t>2019/02/05</t>
  </si>
  <si>
    <t>1.00</t>
  </si>
  <si>
    <t>10.7</t>
  </si>
  <si>
    <t>0.78</t>
  </si>
  <si>
    <t>12.9</t>
  </si>
  <si>
    <t>40</t>
  </si>
  <si>
    <t>灰黄色・中</t>
  </si>
  <si>
    <t>15.2</t>
  </si>
  <si>
    <t>川藻臭（微）</t>
  </si>
  <si>
    <t>9.6</t>
  </si>
  <si>
    <t>19.0</t>
  </si>
  <si>
    <t>60</t>
  </si>
  <si>
    <t>灰茶色・淡（明）</t>
  </si>
  <si>
    <t>9.3</t>
  </si>
  <si>
    <t>20.6</t>
  </si>
  <si>
    <t>20.4</t>
  </si>
  <si>
    <t>23.5</t>
  </si>
  <si>
    <t>憩流</t>
  </si>
  <si>
    <t>26.9</t>
  </si>
  <si>
    <t>8.9</t>
  </si>
  <si>
    <t>7.2</t>
  </si>
  <si>
    <t>23.0</t>
  </si>
  <si>
    <t>24.5</t>
  </si>
  <si>
    <t>1.9</t>
  </si>
  <si>
    <t>20.5</t>
  </si>
  <si>
    <t>0.28</t>
  </si>
  <si>
    <t>20.8</t>
  </si>
  <si>
    <t>16.2</t>
  </si>
  <si>
    <t>18.5</t>
  </si>
  <si>
    <t>17.1</t>
  </si>
  <si>
    <t>0.20</t>
  </si>
  <si>
    <t>4.9</t>
  </si>
  <si>
    <t>0.56</t>
  </si>
  <si>
    <t>-0.07</t>
  </si>
  <si>
    <t>-0.30</t>
  </si>
  <si>
    <t>逆流</t>
  </si>
  <si>
    <t>10.4</t>
  </si>
  <si>
    <t>11.1</t>
  </si>
  <si>
    <t>13.2</t>
  </si>
  <si>
    <t>14.6</t>
  </si>
  <si>
    <t>1.35</t>
  </si>
  <si>
    <t>28</t>
  </si>
  <si>
    <t>18.9</t>
  </si>
  <si>
    <t>4.35</t>
  </si>
  <si>
    <t>17.5</t>
  </si>
  <si>
    <t>1.96</t>
  </si>
  <si>
    <t>1.85</t>
  </si>
  <si>
    <t>21.6</t>
  </si>
  <si>
    <t>-0.23</t>
  </si>
  <si>
    <t>2.04</t>
  </si>
  <si>
    <t>-0.04</t>
  </si>
  <si>
    <t>-1.76</t>
  </si>
  <si>
    <t>1.68</t>
  </si>
  <si>
    <t>3.3</t>
  </si>
  <si>
    <t>1.13</t>
  </si>
  <si>
    <t>1.82</t>
  </si>
  <si>
    <t>-1.74</t>
  </si>
  <si>
    <t>1.60</t>
  </si>
  <si>
    <t>27.2</t>
  </si>
  <si>
    <t>3.94</t>
  </si>
  <si>
    <t>1.99</t>
  </si>
  <si>
    <t>26.2</t>
  </si>
  <si>
    <t>-0.11</t>
  </si>
  <si>
    <t>-6.93</t>
  </si>
  <si>
    <t>1.90</t>
  </si>
  <si>
    <t>26.6</t>
  </si>
  <si>
    <t>4.38</t>
  </si>
  <si>
    <t>1.52</t>
  </si>
  <si>
    <t>9.42</t>
  </si>
  <si>
    <t>1.92</t>
  </si>
  <si>
    <t>-0.14</t>
  </si>
  <si>
    <t>-5.81</t>
  </si>
  <si>
    <t>51</t>
  </si>
  <si>
    <t>-3.86</t>
  </si>
  <si>
    <t>2.06</t>
  </si>
  <si>
    <t>-3.78</t>
  </si>
  <si>
    <t>20.2</t>
  </si>
  <si>
    <t>1.78</t>
  </si>
  <si>
    <t>4.67</t>
  </si>
  <si>
    <t>18.0</t>
  </si>
  <si>
    <t>3.55</t>
  </si>
  <si>
    <t>1.72</t>
  </si>
  <si>
    <t>1.36</t>
  </si>
  <si>
    <t>3.19</t>
  </si>
  <si>
    <t>1.58</t>
  </si>
  <si>
    <t>11.6</t>
  </si>
  <si>
    <t>-1.64</t>
  </si>
  <si>
    <t>1.12</t>
  </si>
  <si>
    <t>1.16</t>
  </si>
  <si>
    <t>9.4</t>
  </si>
  <si>
    <t>1.28</t>
  </si>
  <si>
    <t>0.3</t>
  </si>
  <si>
    <t>11.5</t>
  </si>
  <si>
    <t>1.44</t>
  </si>
  <si>
    <t>12.8</t>
  </si>
  <si>
    <t>1.09</t>
  </si>
  <si>
    <t>14.3</t>
  </si>
  <si>
    <t>14.0</t>
  </si>
  <si>
    <t>4.66</t>
  </si>
  <si>
    <t>18.2</t>
  </si>
  <si>
    <t>-0.16</t>
  </si>
  <si>
    <t>27.6</t>
  </si>
  <si>
    <t>0.68</t>
  </si>
  <si>
    <t>25.7</t>
  </si>
  <si>
    <t>-1.28</t>
  </si>
  <si>
    <t>0.26</t>
  </si>
  <si>
    <t>47</t>
  </si>
  <si>
    <t>19.9</t>
  </si>
  <si>
    <t>18.7</t>
  </si>
  <si>
    <t>0.88</t>
  </si>
  <si>
    <t>63</t>
  </si>
  <si>
    <t>0.45</t>
  </si>
  <si>
    <t>70</t>
  </si>
  <si>
    <t>15.7</t>
  </si>
  <si>
    <t>0.90</t>
  </si>
  <si>
    <t>80</t>
  </si>
  <si>
    <t>0.93</t>
  </si>
  <si>
    <t>12.3</t>
  </si>
  <si>
    <t>52</t>
  </si>
  <si>
    <t>14.1</t>
  </si>
  <si>
    <t>-0.41</t>
  </si>
  <si>
    <t>74</t>
  </si>
  <si>
    <t>26.1</t>
  </si>
  <si>
    <t>24.8</t>
  </si>
  <si>
    <t>-0.20</t>
  </si>
  <si>
    <t>0.73</t>
  </si>
  <si>
    <t>87</t>
  </si>
  <si>
    <t>0.79</t>
  </si>
  <si>
    <t>ゴミ、浮遊物多し</t>
  </si>
  <si>
    <t>15.9</t>
  </si>
  <si>
    <t>15.6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鷹取川</t>
  </si>
  <si>
    <t>追浜橋(14-028-01)</t>
  </si>
  <si>
    <t>河川B</t>
  </si>
  <si>
    <t>横須賀市</t>
  </si>
  <si>
    <t>ＤＯ</t>
  </si>
  <si>
    <t>単位</t>
  </si>
  <si>
    <t>時：分</t>
  </si>
  <si>
    <t>℃</t>
  </si>
  <si>
    <t>m/s</t>
  </si>
  <si>
    <t>ｍ</t>
  </si>
  <si>
    <t>㎝</t>
  </si>
  <si>
    <t>流心（中央）</t>
  </si>
  <si>
    <t>0mm以上5mm未満</t>
  </si>
  <si>
    <t>平作川</t>
  </si>
  <si>
    <t>夫婦橋(14-029-01)</t>
  </si>
  <si>
    <t>松越川</t>
  </si>
  <si>
    <t>河川C</t>
  </si>
  <si>
    <t>下山川</t>
  </si>
  <si>
    <t>下山橋(14-006-01)</t>
  </si>
  <si>
    <t>神奈川県</t>
  </si>
  <si>
    <t>5mm以上10mm未満</t>
  </si>
  <si>
    <t>森戸川(葉山町)</t>
  </si>
  <si>
    <t>森戸橋(14-030-01)</t>
  </si>
  <si>
    <t>田越川</t>
  </si>
  <si>
    <t>滑川</t>
  </si>
  <si>
    <t>滑川橋(14-008-01)</t>
  </si>
  <si>
    <t>神戸川</t>
  </si>
  <si>
    <t>ｎ-ヘキサン抽出物質</t>
  </si>
  <si>
    <t>鉛</t>
  </si>
  <si>
    <t>MPN/100mL</t>
  </si>
  <si>
    <t>&lt;0.5</t>
  </si>
  <si>
    <t>&lt;0.0003</t>
  </si>
  <si>
    <t>&lt;0.1</t>
  </si>
  <si>
    <t>&lt;0.005</t>
  </si>
  <si>
    <t>&lt;0.02</t>
  </si>
  <si>
    <t>&lt;0.0005</t>
  </si>
  <si>
    <t>&lt;0.0002</t>
  </si>
  <si>
    <t>&lt;0.01</t>
  </si>
  <si>
    <t>1，3-ジクロロプロペン</t>
  </si>
  <si>
    <t>銅</t>
  </si>
  <si>
    <t>溶解性鉄</t>
  </si>
  <si>
    <t>&lt;0.05</t>
  </si>
  <si>
    <t>&lt;0.0006</t>
  </si>
  <si>
    <t>&lt;0.002</t>
  </si>
  <si>
    <t>&lt;0.0004</t>
  </si>
  <si>
    <t>有機りん</t>
  </si>
  <si>
    <t>mS/m</t>
  </si>
  <si>
    <t>‰</t>
  </si>
  <si>
    <t>&lt;0.04</t>
  </si>
  <si>
    <t>&lt;0.008</t>
  </si>
  <si>
    <t>&lt;0.03</t>
  </si>
  <si>
    <t>&lt;0.001</t>
  </si>
  <si>
    <t>1，1，1-トリクロロエタン</t>
  </si>
  <si>
    <t>μg/L</t>
  </si>
  <si>
    <t>竹川合流後(14-034-01)</t>
    <phoneticPr fontId="18"/>
  </si>
  <si>
    <t>渚橋(14-007-01)</t>
    <phoneticPr fontId="18"/>
  </si>
  <si>
    <t>神戸橋(14-009-01)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/>
  </si>
  <si>
    <t>0.011</t>
  </si>
  <si>
    <t>0.0054</t>
  </si>
  <si>
    <t>0.010</t>
  </si>
  <si>
    <t>0.0084</t>
  </si>
  <si>
    <t>&lt;0.00006</t>
  </si>
  <si>
    <t>0.0081</t>
  </si>
  <si>
    <t>0.0012</t>
  </si>
  <si>
    <t>0.0007</t>
  </si>
  <si>
    <t>0.0018</t>
  </si>
  <si>
    <t>0.013</t>
  </si>
  <si>
    <t>0.017</t>
  </si>
  <si>
    <t>0.016</t>
  </si>
  <si>
    <t>0.00006</t>
  </si>
  <si>
    <t>0.0009</t>
  </si>
  <si>
    <t>0.0011</t>
  </si>
  <si>
    <t>0.0023</t>
  </si>
  <si>
    <t>0.0093</t>
  </si>
  <si>
    <t>0.0075</t>
  </si>
  <si>
    <t>0.0046</t>
  </si>
  <si>
    <t>0.0013</t>
  </si>
  <si>
    <t>0.0024</t>
  </si>
  <si>
    <t>0.025</t>
  </si>
  <si>
    <t>0.0070</t>
  </si>
  <si>
    <t>0.022</t>
  </si>
  <si>
    <t>0.0014</t>
  </si>
  <si>
    <t>0.008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90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52</v>
      </c>
      <c r="C1" s="1" t="s">
        <v>1</v>
      </c>
      <c r="D1" s="1" t="s">
        <v>653</v>
      </c>
      <c r="E1" s="1" t="s">
        <v>2</v>
      </c>
      <c r="F1" s="1" t="s">
        <v>654</v>
      </c>
      <c r="G1" s="1" t="s">
        <v>3</v>
      </c>
      <c r="H1" s="1" t="s">
        <v>65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56</v>
      </c>
      <c r="V2" s="1" t="s">
        <v>605</v>
      </c>
      <c r="W2" s="1" t="s">
        <v>679</v>
      </c>
      <c r="X2" s="1" t="s">
        <v>606</v>
      </c>
      <c r="Y2" s="1" t="s">
        <v>607</v>
      </c>
      <c r="Z2" s="1" t="s">
        <v>608</v>
      </c>
      <c r="AA2" s="1" t="s">
        <v>709</v>
      </c>
      <c r="AB2" s="1" t="s">
        <v>718</v>
      </c>
      <c r="AC2" s="1" t="s">
        <v>609</v>
      </c>
      <c r="AD2" s="1" t="s">
        <v>610</v>
      </c>
      <c r="AE2" s="1" t="s">
        <v>680</v>
      </c>
      <c r="AF2" s="1" t="s">
        <v>611</v>
      </c>
      <c r="AG2" s="1" t="s">
        <v>612</v>
      </c>
      <c r="AH2" s="1" t="s">
        <v>613</v>
      </c>
      <c r="AI2" s="1" t="s">
        <v>614</v>
      </c>
      <c r="AJ2" s="1" t="s">
        <v>615</v>
      </c>
      <c r="AK2" s="1" t="s">
        <v>616</v>
      </c>
      <c r="AL2" s="1" t="s">
        <v>617</v>
      </c>
      <c r="AM2" s="1" t="s">
        <v>618</v>
      </c>
      <c r="AN2" s="1" t="s">
        <v>619</v>
      </c>
      <c r="AO2" s="1" t="s">
        <v>620</v>
      </c>
      <c r="AP2" t="s">
        <v>704</v>
      </c>
      <c r="AQ2" s="1" t="s">
        <v>621</v>
      </c>
      <c r="AR2" s="1" t="s">
        <v>622</v>
      </c>
      <c r="AS2" s="1" t="s">
        <v>623</v>
      </c>
      <c r="AT2" s="1" t="s">
        <v>690</v>
      </c>
      <c r="AU2" s="1" t="s">
        <v>624</v>
      </c>
      <c r="AV2" s="1" t="s">
        <v>625</v>
      </c>
      <c r="AW2" s="1" t="s">
        <v>626</v>
      </c>
      <c r="AX2" s="1" t="s">
        <v>627</v>
      </c>
      <c r="AY2" s="1" t="s">
        <v>628</v>
      </c>
      <c r="AZ2" s="1" t="s">
        <v>629</v>
      </c>
      <c r="BA2" s="1" t="s">
        <v>630</v>
      </c>
      <c r="BB2" s="1" t="s">
        <v>631</v>
      </c>
      <c r="BC2" s="1" t="s">
        <v>632</v>
      </c>
      <c r="BD2" s="1" t="s">
        <v>633</v>
      </c>
      <c r="BE2" s="1" t="s">
        <v>713</v>
      </c>
      <c r="BF2" s="1" t="s">
        <v>634</v>
      </c>
      <c r="BG2" s="1" t="s">
        <v>691</v>
      </c>
      <c r="BH2" s="1" t="s">
        <v>692</v>
      </c>
      <c r="BI2" s="1" t="s">
        <v>635</v>
      </c>
      <c r="BJ2" s="1" t="s">
        <v>636</v>
      </c>
      <c r="BK2" s="1" t="s">
        <v>637</v>
      </c>
      <c r="BL2" s="1" t="s">
        <v>638</v>
      </c>
      <c r="BM2" s="1" t="s">
        <v>639</v>
      </c>
      <c r="BN2" s="1" t="s">
        <v>640</v>
      </c>
      <c r="BO2" s="1" t="s">
        <v>641</v>
      </c>
      <c r="BP2" s="1" t="s">
        <v>642</v>
      </c>
      <c r="BQ2" s="1" t="s">
        <v>643</v>
      </c>
      <c r="BR2" s="1" t="s">
        <v>644</v>
      </c>
      <c r="BS2" s="1" t="s">
        <v>645</v>
      </c>
      <c r="BT2" s="1" t="s">
        <v>646</v>
      </c>
      <c r="BU2" s="1" t="s">
        <v>647</v>
      </c>
      <c r="BV2" s="1" t="s">
        <v>648</v>
      </c>
      <c r="BW2" s="1" t="s">
        <v>649</v>
      </c>
      <c r="BX2" s="1" t="s">
        <v>650</v>
      </c>
      <c r="BY2" s="1" t="s">
        <v>651</v>
      </c>
      <c r="BZ2" s="1" t="s">
        <v>697</v>
      </c>
    </row>
    <row r="3" spans="1:78" x14ac:dyDescent="0.15">
      <c r="A3" s="1" t="s">
        <v>657</v>
      </c>
      <c r="B3" s="1" t="s">
        <v>658</v>
      </c>
      <c r="C3" s="1"/>
      <c r="D3" s="1"/>
      <c r="E3" s="1"/>
      <c r="F3" s="1" t="s">
        <v>659</v>
      </c>
      <c r="G3" s="1" t="s">
        <v>659</v>
      </c>
      <c r="H3" s="1" t="s">
        <v>660</v>
      </c>
      <c r="I3" s="1" t="s">
        <v>24</v>
      </c>
      <c r="J3" s="1" t="s">
        <v>661</v>
      </c>
      <c r="K3" s="1" t="s">
        <v>661</v>
      </c>
      <c r="L3" s="1" t="s">
        <v>662</v>
      </c>
      <c r="M3" s="1" t="s">
        <v>6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8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98</v>
      </c>
      <c r="BP3" s="1" t="s">
        <v>25</v>
      </c>
      <c r="BQ3" s="1" t="s">
        <v>699</v>
      </c>
      <c r="BR3" s="1" t="s">
        <v>25</v>
      </c>
      <c r="BS3" s="1" t="s">
        <v>25</v>
      </c>
      <c r="BT3" s="1" t="s">
        <v>7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5833333333333331</v>
      </c>
      <c r="C4" s="1" t="s">
        <v>663</v>
      </c>
      <c r="D4" s="1" t="s">
        <v>27</v>
      </c>
      <c r="E4" s="1" t="s">
        <v>28</v>
      </c>
      <c r="F4" s="1" t="s">
        <v>29</v>
      </c>
      <c r="G4" s="1" t="s">
        <v>30</v>
      </c>
      <c r="H4" s="1" t="s">
        <v>31</v>
      </c>
      <c r="I4" s="1" t="s">
        <v>32</v>
      </c>
      <c r="J4" s="1" t="s">
        <v>33</v>
      </c>
      <c r="K4" s="1" t="s">
        <v>32</v>
      </c>
      <c r="L4" s="1" t="s">
        <v>34</v>
      </c>
      <c r="N4" s="1" t="s">
        <v>35</v>
      </c>
      <c r="O4" s="1" t="s">
        <v>36</v>
      </c>
      <c r="P4" s="1" t="s">
        <v>37</v>
      </c>
      <c r="Q4" s="1" t="s">
        <v>38</v>
      </c>
      <c r="R4" s="1" t="s">
        <v>39</v>
      </c>
      <c r="S4" s="1" t="s">
        <v>40</v>
      </c>
      <c r="T4" s="1" t="s">
        <v>41</v>
      </c>
      <c r="U4" s="1">
        <v>7.5</v>
      </c>
      <c r="V4" s="3">
        <v>240</v>
      </c>
      <c r="W4" s="1"/>
      <c r="X4" s="1">
        <v>0.52</v>
      </c>
      <c r="Y4" s="1">
        <v>4.2000000000000003E-2</v>
      </c>
      <c r="Z4" s="1">
        <v>6.0000000000000001E-3</v>
      </c>
      <c r="AA4" s="1" t="s">
        <v>723</v>
      </c>
      <c r="AB4" s="1" t="s">
        <v>724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693</v>
      </c>
      <c r="BC4" s="1">
        <v>0.17</v>
      </c>
      <c r="BD4" s="1">
        <v>0.22</v>
      </c>
      <c r="BE4" s="1"/>
      <c r="BF4" s="1"/>
      <c r="BG4" s="1"/>
      <c r="BH4" s="1"/>
      <c r="BI4" s="1"/>
      <c r="BJ4" s="1"/>
      <c r="BK4" s="1"/>
      <c r="BL4" s="1"/>
      <c r="BM4" s="1">
        <v>7.0000000000000007E-2</v>
      </c>
      <c r="BN4" s="1">
        <v>2.8000000000000001E-2</v>
      </c>
      <c r="BO4" s="1">
        <v>4700</v>
      </c>
      <c r="BP4" s="1">
        <v>19000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8472222222222221</v>
      </c>
      <c r="C5" s="1" t="s">
        <v>663</v>
      </c>
      <c r="D5" s="1" t="s">
        <v>42</v>
      </c>
      <c r="E5" s="1" t="s">
        <v>28</v>
      </c>
      <c r="F5" s="1" t="s">
        <v>43</v>
      </c>
      <c r="G5" s="1" t="s">
        <v>44</v>
      </c>
      <c r="H5" s="1" t="s">
        <v>31</v>
      </c>
      <c r="I5" s="1" t="s">
        <v>45</v>
      </c>
      <c r="J5" s="1" t="s">
        <v>46</v>
      </c>
      <c r="K5" s="1" t="s">
        <v>47</v>
      </c>
      <c r="L5" s="1" t="s">
        <v>34</v>
      </c>
      <c r="N5" s="1" t="s">
        <v>35</v>
      </c>
      <c r="O5" s="1" t="s">
        <v>36</v>
      </c>
      <c r="P5" s="1" t="s">
        <v>37</v>
      </c>
      <c r="Q5" s="1" t="s">
        <v>38</v>
      </c>
      <c r="R5" s="1" t="s">
        <v>48</v>
      </c>
      <c r="S5" s="1" t="s">
        <v>40</v>
      </c>
      <c r="T5" s="1" t="s">
        <v>49</v>
      </c>
      <c r="U5" s="1">
        <v>8.1999999999999993</v>
      </c>
      <c r="V5" s="1"/>
      <c r="W5" s="1"/>
      <c r="X5" s="1">
        <v>0.5</v>
      </c>
      <c r="Y5" s="1">
        <v>4.4999999999999998E-2</v>
      </c>
      <c r="Z5" s="1"/>
      <c r="AA5" s="1" t="s">
        <v>723</v>
      </c>
      <c r="AB5" s="1" t="s">
        <v>723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500</v>
      </c>
      <c r="BP5" s="1">
        <v>19000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0</v>
      </c>
      <c r="B6" s="2">
        <v>0.47569444444444442</v>
      </c>
      <c r="C6" s="1" t="s">
        <v>663</v>
      </c>
      <c r="D6" s="1" t="s">
        <v>51</v>
      </c>
      <c r="E6" s="1" t="s">
        <v>28</v>
      </c>
      <c r="F6" s="1" t="s">
        <v>52</v>
      </c>
      <c r="G6" s="1" t="s">
        <v>53</v>
      </c>
      <c r="H6" s="1" t="s">
        <v>54</v>
      </c>
      <c r="I6" s="1" t="s">
        <v>55</v>
      </c>
      <c r="J6" s="1" t="s">
        <v>56</v>
      </c>
      <c r="K6" s="1" t="s">
        <v>57</v>
      </c>
      <c r="L6" s="1" t="s">
        <v>34</v>
      </c>
      <c r="N6" s="1" t="s">
        <v>35</v>
      </c>
      <c r="O6" s="1" t="s">
        <v>36</v>
      </c>
      <c r="P6" s="1" t="s">
        <v>37</v>
      </c>
      <c r="Q6" s="1" t="s">
        <v>58</v>
      </c>
      <c r="R6" s="1" t="s">
        <v>59</v>
      </c>
      <c r="S6" s="1" t="s">
        <v>60</v>
      </c>
      <c r="T6" s="1" t="s">
        <v>61</v>
      </c>
      <c r="U6" s="1">
        <v>7</v>
      </c>
      <c r="V6" s="3">
        <v>330</v>
      </c>
      <c r="W6" s="1"/>
      <c r="X6" s="1">
        <v>0.75</v>
      </c>
      <c r="Y6" s="1">
        <v>0.1</v>
      </c>
      <c r="Z6" s="1">
        <v>1E-3</v>
      </c>
      <c r="AA6" s="1" t="s">
        <v>723</v>
      </c>
      <c r="AB6" s="1" t="s">
        <v>725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693</v>
      </c>
      <c r="BC6" s="1">
        <v>0.42</v>
      </c>
      <c r="BD6" s="1">
        <v>0.47</v>
      </c>
      <c r="BE6" s="1"/>
      <c r="BF6" s="1"/>
      <c r="BG6" s="1"/>
      <c r="BH6" s="1"/>
      <c r="BI6" s="1"/>
      <c r="BJ6" s="1"/>
      <c r="BK6" s="1"/>
      <c r="BL6" s="1"/>
      <c r="BM6" s="1" t="s">
        <v>700</v>
      </c>
      <c r="BN6" s="1">
        <v>8.2000000000000003E-2</v>
      </c>
      <c r="BO6" s="1">
        <v>3200</v>
      </c>
      <c r="BP6" s="1">
        <v>1300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79861111111111116</v>
      </c>
      <c r="C7" s="1" t="s">
        <v>663</v>
      </c>
      <c r="D7" s="1" t="s">
        <v>42</v>
      </c>
      <c r="E7" s="1" t="s">
        <v>28</v>
      </c>
      <c r="F7" s="1" t="s">
        <v>62</v>
      </c>
      <c r="G7" s="1" t="s">
        <v>63</v>
      </c>
      <c r="H7" s="1" t="s">
        <v>54</v>
      </c>
      <c r="I7" s="1" t="s">
        <v>64</v>
      </c>
      <c r="J7" s="1" t="s">
        <v>65</v>
      </c>
      <c r="K7" s="1" t="s">
        <v>66</v>
      </c>
      <c r="L7" s="1" t="s">
        <v>34</v>
      </c>
      <c r="N7" s="1" t="s">
        <v>35</v>
      </c>
      <c r="O7" s="1" t="s">
        <v>36</v>
      </c>
      <c r="P7" s="1" t="s">
        <v>37</v>
      </c>
      <c r="Q7" s="1" t="s">
        <v>67</v>
      </c>
      <c r="R7" s="1" t="s">
        <v>59</v>
      </c>
      <c r="S7" s="1" t="s">
        <v>68</v>
      </c>
      <c r="T7" s="1" t="s">
        <v>69</v>
      </c>
      <c r="U7" s="1">
        <v>9.5</v>
      </c>
      <c r="V7" s="1"/>
      <c r="W7" s="1"/>
      <c r="X7" s="1">
        <v>0.54</v>
      </c>
      <c r="Y7" s="1">
        <v>0.04</v>
      </c>
      <c r="Z7" s="1"/>
      <c r="AA7" s="1" t="s">
        <v>723</v>
      </c>
      <c r="AB7" s="1" t="s">
        <v>723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4500</v>
      </c>
      <c r="BP7" s="1">
        <v>18000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0</v>
      </c>
      <c r="B8" s="2">
        <v>0.46527777777777773</v>
      </c>
      <c r="C8" s="1" t="s">
        <v>663</v>
      </c>
      <c r="D8" s="1" t="s">
        <v>42</v>
      </c>
      <c r="E8" s="1" t="s">
        <v>664</v>
      </c>
      <c r="F8" s="1" t="s">
        <v>71</v>
      </c>
      <c r="G8" s="1" t="s">
        <v>72</v>
      </c>
      <c r="H8" s="1" t="s">
        <v>54</v>
      </c>
      <c r="I8" s="1" t="s">
        <v>73</v>
      </c>
      <c r="J8" s="1" t="s">
        <v>74</v>
      </c>
      <c r="K8" s="1" t="s">
        <v>75</v>
      </c>
      <c r="L8" s="1" t="s">
        <v>34</v>
      </c>
      <c r="N8" s="1" t="s">
        <v>35</v>
      </c>
      <c r="O8" s="1" t="s">
        <v>36</v>
      </c>
      <c r="P8" s="1" t="s">
        <v>37</v>
      </c>
      <c r="Q8" s="1" t="s">
        <v>76</v>
      </c>
      <c r="R8" s="1" t="s">
        <v>77</v>
      </c>
      <c r="S8" s="1" t="s">
        <v>78</v>
      </c>
      <c r="T8" s="1" t="s">
        <v>49</v>
      </c>
      <c r="U8" s="1">
        <v>3.9</v>
      </c>
      <c r="V8" s="3">
        <v>33</v>
      </c>
      <c r="W8" s="1"/>
      <c r="X8" s="1">
        <v>0.5</v>
      </c>
      <c r="Y8" s="1">
        <v>9.0999999999999998E-2</v>
      </c>
      <c r="Z8" s="1">
        <v>6.0000000000000001E-3</v>
      </c>
      <c r="AA8" s="1" t="s">
        <v>723</v>
      </c>
      <c r="AB8" s="1" t="s">
        <v>72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693</v>
      </c>
      <c r="BC8" s="1">
        <v>7.0000000000000007E-2</v>
      </c>
      <c r="BD8" s="1">
        <v>0.12</v>
      </c>
      <c r="BE8" s="1"/>
      <c r="BF8" s="1"/>
      <c r="BG8" s="1"/>
      <c r="BH8" s="1"/>
      <c r="BI8" s="1"/>
      <c r="BJ8" s="1"/>
      <c r="BK8" s="1"/>
      <c r="BL8" s="1"/>
      <c r="BM8" s="1">
        <v>0.14000000000000001</v>
      </c>
      <c r="BN8" s="1">
        <v>7.4999999999999997E-2</v>
      </c>
      <c r="BO8" s="1">
        <v>4400</v>
      </c>
      <c r="BP8" s="1">
        <v>3300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8819444444444453</v>
      </c>
      <c r="C9" s="1" t="s">
        <v>663</v>
      </c>
      <c r="D9" s="1" t="s">
        <v>42</v>
      </c>
      <c r="E9" s="1" t="s">
        <v>664</v>
      </c>
      <c r="F9" s="1" t="s">
        <v>79</v>
      </c>
      <c r="G9" s="1" t="s">
        <v>80</v>
      </c>
      <c r="H9" s="1" t="s">
        <v>54</v>
      </c>
      <c r="I9" s="1" t="s">
        <v>81</v>
      </c>
      <c r="J9" s="1" t="s">
        <v>82</v>
      </c>
      <c r="K9" s="1" t="s">
        <v>83</v>
      </c>
      <c r="L9" s="1" t="s">
        <v>34</v>
      </c>
      <c r="N9" s="1" t="s">
        <v>35</v>
      </c>
      <c r="O9" s="1" t="s">
        <v>36</v>
      </c>
      <c r="P9" s="1" t="s">
        <v>37</v>
      </c>
      <c r="Q9" s="1" t="s">
        <v>84</v>
      </c>
      <c r="R9" s="1" t="s">
        <v>85</v>
      </c>
      <c r="S9" s="1" t="s">
        <v>68</v>
      </c>
      <c r="T9" s="1" t="s">
        <v>41</v>
      </c>
      <c r="U9" s="1">
        <v>5.3</v>
      </c>
      <c r="V9" s="1"/>
      <c r="W9" s="1"/>
      <c r="X9" s="1">
        <v>0.59</v>
      </c>
      <c r="Y9" s="1">
        <v>0.11</v>
      </c>
      <c r="Z9" s="1"/>
      <c r="AA9" s="1" t="s">
        <v>723</v>
      </c>
      <c r="AB9" s="1" t="s">
        <v>723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4000</v>
      </c>
      <c r="BP9" s="1">
        <v>17000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6</v>
      </c>
      <c r="B10" s="2">
        <v>0.47916666666666669</v>
      </c>
      <c r="C10" s="1" t="s">
        <v>663</v>
      </c>
      <c r="D10" s="1" t="s">
        <v>42</v>
      </c>
      <c r="E10" s="1" t="s">
        <v>28</v>
      </c>
      <c r="F10" s="1" t="s">
        <v>87</v>
      </c>
      <c r="G10" s="1" t="s">
        <v>88</v>
      </c>
      <c r="H10" s="1" t="s">
        <v>89</v>
      </c>
      <c r="I10" s="1" t="s">
        <v>90</v>
      </c>
      <c r="J10" s="1" t="s">
        <v>91</v>
      </c>
      <c r="K10" s="1" t="s">
        <v>92</v>
      </c>
      <c r="L10" s="1" t="s">
        <v>34</v>
      </c>
      <c r="N10" s="1" t="s">
        <v>35</v>
      </c>
      <c r="O10" s="1" t="s">
        <v>36</v>
      </c>
      <c r="P10" s="1" t="s">
        <v>37</v>
      </c>
      <c r="Q10" s="1" t="s">
        <v>67</v>
      </c>
      <c r="R10" s="1" t="s">
        <v>93</v>
      </c>
      <c r="S10" s="1" t="s">
        <v>94</v>
      </c>
      <c r="T10" s="1" t="s">
        <v>41</v>
      </c>
      <c r="U10" s="1">
        <v>6.1</v>
      </c>
      <c r="V10" s="3">
        <v>79</v>
      </c>
      <c r="W10" s="1"/>
      <c r="X10" s="1">
        <v>0.41</v>
      </c>
      <c r="Y10" s="1">
        <v>7.1999999999999995E-2</v>
      </c>
      <c r="Z10" s="1">
        <v>4.0000000000000001E-3</v>
      </c>
      <c r="AA10" s="1" t="s">
        <v>723</v>
      </c>
      <c r="AB10" s="1" t="s">
        <v>727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94</v>
      </c>
      <c r="AV10" s="1" t="s">
        <v>683</v>
      </c>
      <c r="AW10" s="1" t="s">
        <v>695</v>
      </c>
      <c r="AX10" s="1"/>
      <c r="AY10" s="1"/>
      <c r="AZ10" s="1"/>
      <c r="BA10" s="1"/>
      <c r="BB10" s="1" t="s">
        <v>693</v>
      </c>
      <c r="BC10" s="1">
        <v>7.0000000000000007E-2</v>
      </c>
      <c r="BD10" s="1">
        <v>0.12</v>
      </c>
      <c r="BE10" s="1"/>
      <c r="BF10" s="1"/>
      <c r="BG10" s="1"/>
      <c r="BH10" s="1"/>
      <c r="BI10" s="1"/>
      <c r="BJ10" s="1"/>
      <c r="BK10" s="1" t="s">
        <v>694</v>
      </c>
      <c r="BL10" s="1"/>
      <c r="BM10" s="1" t="s">
        <v>700</v>
      </c>
      <c r="BN10" s="1">
        <v>4.4999999999999998E-2</v>
      </c>
      <c r="BO10" s="1">
        <v>4700</v>
      </c>
      <c r="BP10" s="1">
        <v>2100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9166666666666663</v>
      </c>
      <c r="C11" s="1" t="s">
        <v>663</v>
      </c>
      <c r="D11" s="1" t="s">
        <v>42</v>
      </c>
      <c r="E11" s="1" t="s">
        <v>28</v>
      </c>
      <c r="F11" s="1" t="s">
        <v>95</v>
      </c>
      <c r="G11" s="1" t="s">
        <v>53</v>
      </c>
      <c r="H11" s="1" t="s">
        <v>96</v>
      </c>
      <c r="I11" s="1" t="s">
        <v>97</v>
      </c>
      <c r="J11" s="1" t="s">
        <v>98</v>
      </c>
      <c r="K11" s="1" t="s">
        <v>99</v>
      </c>
      <c r="L11" s="1" t="s">
        <v>34</v>
      </c>
      <c r="N11" s="1" t="s">
        <v>35</v>
      </c>
      <c r="O11" s="1" t="s">
        <v>36</v>
      </c>
      <c r="P11" s="1" t="s">
        <v>37</v>
      </c>
      <c r="Q11" s="1" t="s">
        <v>100</v>
      </c>
      <c r="R11" s="1" t="s">
        <v>101</v>
      </c>
      <c r="S11" s="1" t="s">
        <v>102</v>
      </c>
      <c r="T11" s="1" t="s">
        <v>103</v>
      </c>
      <c r="U11" s="1">
        <v>7.1</v>
      </c>
      <c r="V11" s="1"/>
      <c r="W11" s="1"/>
      <c r="X11" s="1">
        <v>0.48</v>
      </c>
      <c r="Y11" s="1">
        <v>7.9000000000000001E-2</v>
      </c>
      <c r="Z11" s="1"/>
      <c r="AA11" s="1" t="s">
        <v>723</v>
      </c>
      <c r="AB11" s="1" t="s">
        <v>723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700</v>
      </c>
      <c r="BP11" s="1">
        <v>1900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4</v>
      </c>
      <c r="B12" s="2">
        <v>0.45833333333333331</v>
      </c>
      <c r="C12" s="1" t="s">
        <v>663</v>
      </c>
      <c r="D12" s="1" t="s">
        <v>51</v>
      </c>
      <c r="E12" s="1" t="s">
        <v>28</v>
      </c>
      <c r="F12" s="1" t="s">
        <v>105</v>
      </c>
      <c r="G12" s="1" t="s">
        <v>106</v>
      </c>
      <c r="H12" s="1" t="s">
        <v>107</v>
      </c>
      <c r="I12" s="1" t="s">
        <v>45</v>
      </c>
      <c r="J12" s="1" t="s">
        <v>91</v>
      </c>
      <c r="K12" s="1" t="s">
        <v>92</v>
      </c>
      <c r="L12" s="1" t="s">
        <v>34</v>
      </c>
      <c r="N12" s="1" t="s">
        <v>35</v>
      </c>
      <c r="O12" s="1" t="s">
        <v>36</v>
      </c>
      <c r="P12" s="1" t="s">
        <v>37</v>
      </c>
      <c r="Q12" s="1" t="s">
        <v>100</v>
      </c>
      <c r="R12" s="1" t="s">
        <v>59</v>
      </c>
      <c r="S12" s="1" t="s">
        <v>108</v>
      </c>
      <c r="T12" s="1" t="s">
        <v>69</v>
      </c>
      <c r="U12" s="1">
        <v>5.3</v>
      </c>
      <c r="V12" s="3">
        <v>4900</v>
      </c>
      <c r="W12" s="1" t="s">
        <v>682</v>
      </c>
      <c r="X12" s="1">
        <v>0.76</v>
      </c>
      <c r="Y12" s="1">
        <v>0.15</v>
      </c>
      <c r="Z12" s="1">
        <v>5.0000000000000001E-3</v>
      </c>
      <c r="AA12" s="1" t="s">
        <v>728</v>
      </c>
      <c r="AB12" s="1" t="s">
        <v>729</v>
      </c>
      <c r="AC12" s="1" t="s">
        <v>683</v>
      </c>
      <c r="AD12" s="1" t="s">
        <v>684</v>
      </c>
      <c r="AE12" s="1" t="s">
        <v>685</v>
      </c>
      <c r="AF12" s="1" t="s">
        <v>686</v>
      </c>
      <c r="AG12" s="1" t="s">
        <v>685</v>
      </c>
      <c r="AH12" s="1" t="s">
        <v>687</v>
      </c>
      <c r="AI12" s="1"/>
      <c r="AJ12" s="1" t="s">
        <v>687</v>
      </c>
      <c r="AK12" s="1" t="s">
        <v>688</v>
      </c>
      <c r="AL12" s="1" t="s">
        <v>688</v>
      </c>
      <c r="AM12" s="1" t="s">
        <v>688</v>
      </c>
      <c r="AN12" s="1" t="s">
        <v>688</v>
      </c>
      <c r="AO12" s="1" t="s">
        <v>688</v>
      </c>
      <c r="AP12" t="s">
        <v>688</v>
      </c>
      <c r="AQ12" s="1" t="s">
        <v>688</v>
      </c>
      <c r="AR12" s="1" t="s">
        <v>688</v>
      </c>
      <c r="AS12" s="1" t="s">
        <v>688</v>
      </c>
      <c r="AT12" s="1" t="s">
        <v>696</v>
      </c>
      <c r="AU12" s="1"/>
      <c r="AV12" s="1"/>
      <c r="AW12" s="1"/>
      <c r="AX12" s="1" t="s">
        <v>688</v>
      </c>
      <c r="AY12" s="1" t="s">
        <v>695</v>
      </c>
      <c r="AZ12" s="1"/>
      <c r="BA12" s="1"/>
      <c r="BB12" s="1" t="s">
        <v>693</v>
      </c>
      <c r="BC12" s="1">
        <v>0.36</v>
      </c>
      <c r="BD12" s="1">
        <v>0.41</v>
      </c>
      <c r="BE12" s="1" t="s">
        <v>685</v>
      </c>
      <c r="BF12" s="1" t="s">
        <v>685</v>
      </c>
      <c r="BG12" s="1" t="s">
        <v>689</v>
      </c>
      <c r="BH12" s="1" t="s">
        <v>686</v>
      </c>
      <c r="BI12" s="1">
        <v>0.01</v>
      </c>
      <c r="BJ12" s="1" t="s">
        <v>686</v>
      </c>
      <c r="BK12" s="1"/>
      <c r="BL12" s="1" t="s">
        <v>701</v>
      </c>
      <c r="BM12" s="1">
        <v>0.05</v>
      </c>
      <c r="BN12" s="1">
        <v>0.12</v>
      </c>
      <c r="BO12" s="1">
        <v>2700</v>
      </c>
      <c r="BP12" s="1">
        <v>14000</v>
      </c>
      <c r="BQ12" s="1"/>
      <c r="BR12" s="1" t="s">
        <v>702</v>
      </c>
      <c r="BS12" s="1" t="s">
        <v>685</v>
      </c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8472222222222221</v>
      </c>
      <c r="C13" s="1" t="s">
        <v>663</v>
      </c>
      <c r="D13" s="1" t="s">
        <v>51</v>
      </c>
      <c r="E13" s="1" t="s">
        <v>28</v>
      </c>
      <c r="F13" s="1" t="s">
        <v>109</v>
      </c>
      <c r="G13" s="1" t="s">
        <v>110</v>
      </c>
      <c r="H13" s="1" t="s">
        <v>54</v>
      </c>
      <c r="I13" s="1" t="s">
        <v>111</v>
      </c>
      <c r="J13" s="1" t="s">
        <v>112</v>
      </c>
      <c r="K13" s="1" t="s">
        <v>113</v>
      </c>
      <c r="L13" s="1" t="s">
        <v>34</v>
      </c>
      <c r="N13" s="1" t="s">
        <v>35</v>
      </c>
      <c r="O13" s="1" t="s">
        <v>36</v>
      </c>
      <c r="P13" s="1" t="s">
        <v>37</v>
      </c>
      <c r="Q13" s="1" t="s">
        <v>76</v>
      </c>
      <c r="R13" s="1" t="s">
        <v>114</v>
      </c>
      <c r="S13" s="1" t="s">
        <v>115</v>
      </c>
      <c r="T13" s="1" t="s">
        <v>41</v>
      </c>
      <c r="U13" s="1">
        <v>7.7</v>
      </c>
      <c r="V13" s="1"/>
      <c r="W13" s="1" t="s">
        <v>682</v>
      </c>
      <c r="X13" s="1">
        <v>0.84</v>
      </c>
      <c r="Y13" s="1">
        <v>0.13</v>
      </c>
      <c r="Z13" s="1"/>
      <c r="AA13" s="1" t="s">
        <v>723</v>
      </c>
      <c r="AB13" s="1" t="s">
        <v>723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4400</v>
      </c>
      <c r="BP13" s="1">
        <v>19000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6</v>
      </c>
      <c r="B14" s="2">
        <v>0.45833333333333331</v>
      </c>
      <c r="C14" s="1" t="s">
        <v>663</v>
      </c>
      <c r="D14" s="1" t="s">
        <v>42</v>
      </c>
      <c r="E14" s="1" t="s">
        <v>117</v>
      </c>
      <c r="F14" s="1" t="s">
        <v>118</v>
      </c>
      <c r="G14" s="1" t="s">
        <v>79</v>
      </c>
      <c r="H14" s="1" t="s">
        <v>119</v>
      </c>
      <c r="I14" s="1" t="s">
        <v>120</v>
      </c>
      <c r="J14" s="1" t="s">
        <v>46</v>
      </c>
      <c r="K14" s="1" t="s">
        <v>47</v>
      </c>
      <c r="L14" s="1" t="s">
        <v>34</v>
      </c>
      <c r="N14" s="1" t="s">
        <v>35</v>
      </c>
      <c r="O14" s="1" t="s">
        <v>36</v>
      </c>
      <c r="P14" s="1" t="s">
        <v>37</v>
      </c>
      <c r="Q14" s="1" t="s">
        <v>121</v>
      </c>
      <c r="R14" s="1" t="s">
        <v>59</v>
      </c>
      <c r="S14" s="1" t="s">
        <v>122</v>
      </c>
      <c r="T14" s="1" t="s">
        <v>123</v>
      </c>
      <c r="U14" s="1">
        <v>7.1</v>
      </c>
      <c r="V14" s="3">
        <v>130000</v>
      </c>
      <c r="W14" s="1"/>
      <c r="X14" s="1">
        <v>1</v>
      </c>
      <c r="Y14" s="1">
        <v>0.12</v>
      </c>
      <c r="Z14" s="1">
        <v>1.4E-2</v>
      </c>
      <c r="AA14" s="1" t="s">
        <v>723</v>
      </c>
      <c r="AB14" s="1" t="s">
        <v>694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693</v>
      </c>
      <c r="BC14" s="1">
        <v>0.62</v>
      </c>
      <c r="BD14" s="1">
        <v>0.67</v>
      </c>
      <c r="BE14" s="1"/>
      <c r="BF14" s="1"/>
      <c r="BG14" s="1"/>
      <c r="BH14" s="1"/>
      <c r="BI14" s="1"/>
      <c r="BJ14" s="1"/>
      <c r="BK14" s="1"/>
      <c r="BL14" s="1"/>
      <c r="BM14" s="1">
        <v>7.0000000000000007E-2</v>
      </c>
      <c r="BN14" s="1">
        <v>0.11</v>
      </c>
      <c r="BO14" s="1">
        <v>1500</v>
      </c>
      <c r="BP14" s="1">
        <v>740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9513888888888884</v>
      </c>
      <c r="C15" s="1" t="s">
        <v>663</v>
      </c>
      <c r="D15" s="1" t="s">
        <v>42</v>
      </c>
      <c r="E15" s="1" t="s">
        <v>117</v>
      </c>
      <c r="F15" s="1" t="s">
        <v>124</v>
      </c>
      <c r="G15" s="1" t="s">
        <v>125</v>
      </c>
      <c r="H15" s="1" t="s">
        <v>96</v>
      </c>
      <c r="I15" s="1" t="s">
        <v>126</v>
      </c>
      <c r="J15" s="1" t="s">
        <v>127</v>
      </c>
      <c r="K15" s="1" t="s">
        <v>128</v>
      </c>
      <c r="L15" s="1" t="s">
        <v>34</v>
      </c>
      <c r="N15" s="1" t="s">
        <v>35</v>
      </c>
      <c r="O15" s="1" t="s">
        <v>36</v>
      </c>
      <c r="P15" s="1" t="s">
        <v>37</v>
      </c>
      <c r="Q15" s="1" t="s">
        <v>38</v>
      </c>
      <c r="R15" s="1" t="s">
        <v>129</v>
      </c>
      <c r="S15" s="1" t="s">
        <v>130</v>
      </c>
      <c r="T15" s="1" t="s">
        <v>103</v>
      </c>
      <c r="U15" s="1">
        <v>9.5</v>
      </c>
      <c r="V15" s="1"/>
      <c r="W15" s="1"/>
      <c r="X15" s="1">
        <v>0.66</v>
      </c>
      <c r="Y15" s="1">
        <v>8.5000000000000006E-2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700</v>
      </c>
      <c r="BP15" s="1">
        <v>11000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1</v>
      </c>
      <c r="B16" s="2">
        <v>0.4548611111111111</v>
      </c>
      <c r="C16" s="1" t="s">
        <v>663</v>
      </c>
      <c r="D16" s="1" t="s">
        <v>42</v>
      </c>
      <c r="E16" s="1" t="s">
        <v>28</v>
      </c>
      <c r="F16" s="1" t="s">
        <v>132</v>
      </c>
      <c r="G16" s="1" t="s">
        <v>133</v>
      </c>
      <c r="H16" s="1" t="s">
        <v>54</v>
      </c>
      <c r="I16" s="1" t="s">
        <v>134</v>
      </c>
      <c r="J16" s="1" t="s">
        <v>135</v>
      </c>
      <c r="K16" s="1" t="s">
        <v>136</v>
      </c>
      <c r="L16" s="1" t="s">
        <v>34</v>
      </c>
      <c r="N16" s="1" t="s">
        <v>35</v>
      </c>
      <c r="O16" s="1" t="s">
        <v>36</v>
      </c>
      <c r="P16" s="1" t="s">
        <v>37</v>
      </c>
      <c r="Q16" s="1" t="s">
        <v>67</v>
      </c>
      <c r="R16" s="1" t="s">
        <v>59</v>
      </c>
      <c r="S16" s="1" t="s">
        <v>137</v>
      </c>
      <c r="T16" s="1" t="s">
        <v>123</v>
      </c>
      <c r="U16" s="1">
        <v>7.7</v>
      </c>
      <c r="V16" s="3">
        <v>26000</v>
      </c>
      <c r="W16" s="1"/>
      <c r="X16" s="1">
        <v>1</v>
      </c>
      <c r="Y16" s="1">
        <v>0.14000000000000001</v>
      </c>
      <c r="Z16" s="1">
        <v>0.01</v>
      </c>
      <c r="AA16" s="1" t="s">
        <v>723</v>
      </c>
      <c r="AB16" s="1" t="s">
        <v>694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693</v>
      </c>
      <c r="BC16" s="1">
        <v>0.74</v>
      </c>
      <c r="BD16" s="1">
        <v>0.79</v>
      </c>
      <c r="BE16" s="1"/>
      <c r="BF16" s="1"/>
      <c r="BG16" s="1"/>
      <c r="BH16" s="1"/>
      <c r="BI16" s="1"/>
      <c r="BJ16" s="1"/>
      <c r="BK16" s="1"/>
      <c r="BL16" s="1"/>
      <c r="BM16" s="1">
        <v>0.09</v>
      </c>
      <c r="BN16" s="1">
        <v>0.12</v>
      </c>
      <c r="BO16" s="1">
        <v>1900</v>
      </c>
      <c r="BP16" s="1">
        <v>9800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8819444444444453</v>
      </c>
      <c r="C17" s="1" t="s">
        <v>663</v>
      </c>
      <c r="D17" s="1" t="s">
        <v>51</v>
      </c>
      <c r="E17" s="1" t="s">
        <v>28</v>
      </c>
      <c r="F17" s="1" t="s">
        <v>138</v>
      </c>
      <c r="G17" s="1" t="s">
        <v>139</v>
      </c>
      <c r="H17" s="1" t="s">
        <v>54</v>
      </c>
      <c r="I17" s="1" t="s">
        <v>134</v>
      </c>
      <c r="J17" s="1" t="s">
        <v>140</v>
      </c>
      <c r="K17" s="1" t="s">
        <v>141</v>
      </c>
      <c r="L17" s="1" t="s">
        <v>34</v>
      </c>
      <c r="N17" s="1" t="s">
        <v>35</v>
      </c>
      <c r="O17" s="1" t="s">
        <v>36</v>
      </c>
      <c r="P17" s="1" t="s">
        <v>37</v>
      </c>
      <c r="Q17" s="1" t="s">
        <v>58</v>
      </c>
      <c r="R17" s="1" t="s">
        <v>142</v>
      </c>
      <c r="S17" s="1" t="s">
        <v>40</v>
      </c>
      <c r="T17" s="1" t="s">
        <v>69</v>
      </c>
      <c r="U17" s="1">
        <v>7.9</v>
      </c>
      <c r="V17" s="1"/>
      <c r="W17" s="1"/>
      <c r="X17" s="1">
        <v>1.1000000000000001</v>
      </c>
      <c r="Y17" s="1">
        <v>0.13</v>
      </c>
      <c r="Z17" s="1"/>
      <c r="AA17" s="1" t="s">
        <v>723</v>
      </c>
      <c r="AB17" s="1" t="s">
        <v>723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600</v>
      </c>
      <c r="BP17" s="1">
        <v>14000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4548611111111111</v>
      </c>
      <c r="C18" s="1" t="s">
        <v>663</v>
      </c>
      <c r="D18" s="1" t="s">
        <v>51</v>
      </c>
      <c r="E18" s="1" t="s">
        <v>117</v>
      </c>
      <c r="F18" s="1" t="s">
        <v>144</v>
      </c>
      <c r="G18" s="1" t="s">
        <v>144</v>
      </c>
      <c r="H18" s="1" t="s">
        <v>54</v>
      </c>
      <c r="I18" s="1" t="s">
        <v>91</v>
      </c>
      <c r="J18" s="1" t="s">
        <v>91</v>
      </c>
      <c r="K18" s="1" t="s">
        <v>145</v>
      </c>
      <c r="L18" s="1" t="s">
        <v>34</v>
      </c>
      <c r="N18" s="1" t="s">
        <v>35</v>
      </c>
      <c r="O18" s="1" t="s">
        <v>36</v>
      </c>
      <c r="P18" s="1" t="s">
        <v>37</v>
      </c>
      <c r="Q18" s="1" t="s">
        <v>38</v>
      </c>
      <c r="R18" s="1" t="s">
        <v>129</v>
      </c>
      <c r="S18" s="1" t="s">
        <v>146</v>
      </c>
      <c r="T18" s="1" t="s">
        <v>147</v>
      </c>
      <c r="U18" s="1">
        <v>7.4</v>
      </c>
      <c r="V18" s="3">
        <v>33000</v>
      </c>
      <c r="W18" s="1"/>
      <c r="X18" s="1">
        <v>0.9</v>
      </c>
      <c r="Y18" s="1">
        <v>9.9000000000000005E-2</v>
      </c>
      <c r="Z18" s="1">
        <v>1.7999999999999999E-2</v>
      </c>
      <c r="AA18" s="1" t="s">
        <v>723</v>
      </c>
      <c r="AB18" s="1" t="s">
        <v>69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693</v>
      </c>
      <c r="BC18" s="1">
        <v>0.48</v>
      </c>
      <c r="BD18" s="1">
        <v>0.53</v>
      </c>
      <c r="BE18" s="1"/>
      <c r="BF18" s="1"/>
      <c r="BG18" s="1"/>
      <c r="BH18" s="1"/>
      <c r="BI18" s="1"/>
      <c r="BJ18" s="1"/>
      <c r="BK18" s="1"/>
      <c r="BL18" s="1"/>
      <c r="BM18" s="1">
        <v>0.16</v>
      </c>
      <c r="BN18" s="1">
        <v>8.5000000000000006E-2</v>
      </c>
      <c r="BO18" s="1">
        <v>2400</v>
      </c>
      <c r="BP18" s="1">
        <v>150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9166666666666663</v>
      </c>
      <c r="C19" s="1" t="s">
        <v>663</v>
      </c>
      <c r="D19" s="1" t="s">
        <v>51</v>
      </c>
      <c r="E19" s="1" t="s">
        <v>117</v>
      </c>
      <c r="F19" s="1" t="s">
        <v>44</v>
      </c>
      <c r="G19" s="1" t="s">
        <v>148</v>
      </c>
      <c r="H19" s="1" t="s">
        <v>31</v>
      </c>
      <c r="I19" s="1" t="s">
        <v>149</v>
      </c>
      <c r="J19" s="1" t="s">
        <v>98</v>
      </c>
      <c r="K19" s="1" t="s">
        <v>99</v>
      </c>
      <c r="L19" s="1" t="s">
        <v>34</v>
      </c>
      <c r="N19" s="1" t="s">
        <v>35</v>
      </c>
      <c r="O19" s="1" t="s">
        <v>36</v>
      </c>
      <c r="P19" s="1" t="s">
        <v>37</v>
      </c>
      <c r="Q19" s="1" t="s">
        <v>38</v>
      </c>
      <c r="R19" s="1" t="s">
        <v>59</v>
      </c>
      <c r="S19" s="1" t="s">
        <v>150</v>
      </c>
      <c r="T19" s="1" t="s">
        <v>49</v>
      </c>
      <c r="U19" s="1">
        <v>6.5</v>
      </c>
      <c r="V19" s="1"/>
      <c r="W19" s="1"/>
      <c r="X19" s="1">
        <v>1</v>
      </c>
      <c r="Y19" s="1">
        <v>0.11</v>
      </c>
      <c r="Z19" s="1"/>
      <c r="AA19" s="1" t="s">
        <v>723</v>
      </c>
      <c r="AB19" s="1" t="s">
        <v>723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2200</v>
      </c>
      <c r="BP19" s="1">
        <v>13000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46180555555555558</v>
      </c>
      <c r="C20" s="1" t="s">
        <v>663</v>
      </c>
      <c r="D20" s="1" t="s">
        <v>51</v>
      </c>
      <c r="E20" s="1" t="s">
        <v>152</v>
      </c>
      <c r="F20" s="1" t="s">
        <v>153</v>
      </c>
      <c r="G20" s="1" t="s">
        <v>29</v>
      </c>
      <c r="H20" s="1" t="s">
        <v>54</v>
      </c>
      <c r="I20" s="1" t="s">
        <v>154</v>
      </c>
      <c r="J20" s="1" t="s">
        <v>97</v>
      </c>
      <c r="K20" s="1" t="s">
        <v>155</v>
      </c>
      <c r="L20" s="1" t="s">
        <v>34</v>
      </c>
      <c r="N20" s="1" t="s">
        <v>35</v>
      </c>
      <c r="O20" s="1" t="s">
        <v>36</v>
      </c>
      <c r="P20" s="1" t="s">
        <v>37</v>
      </c>
      <c r="Q20" s="1" t="s">
        <v>100</v>
      </c>
      <c r="R20" s="1" t="s">
        <v>156</v>
      </c>
      <c r="S20" s="1" t="s">
        <v>157</v>
      </c>
      <c r="T20" s="1" t="s">
        <v>123</v>
      </c>
      <c r="U20" s="1">
        <v>7.6</v>
      </c>
      <c r="V20" s="3">
        <v>4</v>
      </c>
      <c r="W20" s="1"/>
      <c r="X20" s="1">
        <v>0.51</v>
      </c>
      <c r="Y20" s="1">
        <v>5.1999999999999998E-2</v>
      </c>
      <c r="Z20" s="1">
        <v>0.01</v>
      </c>
      <c r="AA20" s="1" t="s">
        <v>723</v>
      </c>
      <c r="AB20" s="1" t="s">
        <v>694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693</v>
      </c>
      <c r="BC20" s="1">
        <v>0.2</v>
      </c>
      <c r="BD20" s="1">
        <v>0.25</v>
      </c>
      <c r="BE20" s="1"/>
      <c r="BF20" s="1"/>
      <c r="BG20" s="1"/>
      <c r="BH20" s="1"/>
      <c r="BI20" s="1"/>
      <c r="BJ20" s="1"/>
      <c r="BK20" s="1"/>
      <c r="BL20" s="1"/>
      <c r="BM20" s="1">
        <v>0.09</v>
      </c>
      <c r="BN20" s="1">
        <v>4.1000000000000002E-2</v>
      </c>
      <c r="BO20" s="1">
        <v>4600</v>
      </c>
      <c r="BP20" s="1">
        <v>30000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9861111111111116</v>
      </c>
      <c r="C21" s="1" t="s">
        <v>663</v>
      </c>
      <c r="D21" s="1" t="s">
        <v>42</v>
      </c>
      <c r="E21" s="1" t="s">
        <v>152</v>
      </c>
      <c r="F21" s="1" t="s">
        <v>158</v>
      </c>
      <c r="G21" s="1" t="s">
        <v>159</v>
      </c>
      <c r="H21" s="1" t="s">
        <v>119</v>
      </c>
      <c r="I21" s="1" t="s">
        <v>160</v>
      </c>
      <c r="J21" s="1" t="s">
        <v>82</v>
      </c>
      <c r="K21" s="1" t="s">
        <v>83</v>
      </c>
      <c r="L21" s="1" t="s">
        <v>34</v>
      </c>
      <c r="N21" s="1" t="s">
        <v>35</v>
      </c>
      <c r="O21" s="1" t="s">
        <v>36</v>
      </c>
      <c r="P21" s="1" t="s">
        <v>37</v>
      </c>
      <c r="Q21" s="1" t="s">
        <v>100</v>
      </c>
      <c r="R21" s="1" t="s">
        <v>161</v>
      </c>
      <c r="S21" s="1" t="s">
        <v>162</v>
      </c>
      <c r="T21" s="1" t="s">
        <v>69</v>
      </c>
      <c r="U21" s="1">
        <v>5.9</v>
      </c>
      <c r="V21" s="1"/>
      <c r="W21" s="1"/>
      <c r="X21" s="1">
        <v>0.78</v>
      </c>
      <c r="Y21" s="1">
        <v>0.12</v>
      </c>
      <c r="Z21" s="1"/>
      <c r="AA21" s="1" t="s">
        <v>723</v>
      </c>
      <c r="AB21" s="1" t="s">
        <v>723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200</v>
      </c>
      <c r="BP21" s="1">
        <v>17000</v>
      </c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63</v>
      </c>
      <c r="B22" s="2">
        <v>0.46527777777777773</v>
      </c>
      <c r="C22" s="1" t="s">
        <v>663</v>
      </c>
      <c r="D22" s="1" t="s">
        <v>51</v>
      </c>
      <c r="E22" s="1" t="s">
        <v>28</v>
      </c>
      <c r="F22" s="1" t="s">
        <v>164</v>
      </c>
      <c r="G22" s="1" t="s">
        <v>165</v>
      </c>
      <c r="H22" s="1" t="s">
        <v>96</v>
      </c>
      <c r="I22" s="1" t="s">
        <v>166</v>
      </c>
      <c r="J22" s="1" t="s">
        <v>167</v>
      </c>
      <c r="K22" s="1" t="s">
        <v>168</v>
      </c>
      <c r="L22" s="1" t="s">
        <v>34</v>
      </c>
      <c r="N22" s="1" t="s">
        <v>35</v>
      </c>
      <c r="O22" s="1" t="s">
        <v>36</v>
      </c>
      <c r="P22" s="1" t="s">
        <v>37</v>
      </c>
      <c r="Q22" s="1" t="s">
        <v>38</v>
      </c>
      <c r="R22" s="1" t="s">
        <v>142</v>
      </c>
      <c r="S22" s="1" t="s">
        <v>157</v>
      </c>
      <c r="T22" s="1" t="s">
        <v>49</v>
      </c>
      <c r="U22" s="1">
        <v>8.9</v>
      </c>
      <c r="V22" s="3">
        <v>130</v>
      </c>
      <c r="W22" s="1"/>
      <c r="X22" s="1">
        <v>0.57999999999999996</v>
      </c>
      <c r="Y22" s="1">
        <v>5.7000000000000002E-2</v>
      </c>
      <c r="Z22" s="1">
        <v>0.01</v>
      </c>
      <c r="AA22" s="1" t="s">
        <v>723</v>
      </c>
      <c r="AB22" s="1" t="s">
        <v>730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693</v>
      </c>
      <c r="BC22" s="1">
        <v>0.35</v>
      </c>
      <c r="BD22" s="1">
        <v>0.4</v>
      </c>
      <c r="BE22" s="1"/>
      <c r="BF22" s="1"/>
      <c r="BG22" s="1"/>
      <c r="BH22" s="1"/>
      <c r="BI22" s="1"/>
      <c r="BJ22" s="1"/>
      <c r="BK22" s="1"/>
      <c r="BL22" s="1"/>
      <c r="BM22" s="1" t="s">
        <v>700</v>
      </c>
      <c r="BN22" s="1">
        <v>4.3999999999999997E-2</v>
      </c>
      <c r="BO22" s="1">
        <v>4400</v>
      </c>
      <c r="BP22" s="1">
        <v>2400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0555555555555547</v>
      </c>
      <c r="C23" s="1" t="s">
        <v>663</v>
      </c>
      <c r="D23" s="1" t="s">
        <v>51</v>
      </c>
      <c r="E23" s="1" t="s">
        <v>28</v>
      </c>
      <c r="F23" s="1" t="s">
        <v>60</v>
      </c>
      <c r="G23" s="1" t="s">
        <v>169</v>
      </c>
      <c r="H23" s="1" t="s">
        <v>107</v>
      </c>
      <c r="I23" s="1" t="s">
        <v>170</v>
      </c>
      <c r="J23" s="1" t="s">
        <v>135</v>
      </c>
      <c r="K23" s="1" t="s">
        <v>136</v>
      </c>
      <c r="L23" s="1" t="s">
        <v>34</v>
      </c>
      <c r="N23" s="1" t="s">
        <v>35</v>
      </c>
      <c r="O23" s="1" t="s">
        <v>36</v>
      </c>
      <c r="P23" s="1" t="s">
        <v>37</v>
      </c>
      <c r="Q23" s="1" t="s">
        <v>38</v>
      </c>
      <c r="R23" s="1" t="s">
        <v>171</v>
      </c>
      <c r="S23" s="1" t="s">
        <v>162</v>
      </c>
      <c r="T23" s="1" t="s">
        <v>69</v>
      </c>
      <c r="U23" s="1">
        <v>9.1</v>
      </c>
      <c r="V23" s="1"/>
      <c r="W23" s="1"/>
      <c r="X23" s="1">
        <v>0.69</v>
      </c>
      <c r="Y23" s="1">
        <v>7.5999999999999998E-2</v>
      </c>
      <c r="Z23" s="1"/>
      <c r="AA23" s="1" t="s">
        <v>723</v>
      </c>
      <c r="AB23" s="1" t="s">
        <v>723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800</v>
      </c>
      <c r="BP23" s="1">
        <v>22000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72</v>
      </c>
      <c r="B24" s="2">
        <v>0.46875</v>
      </c>
      <c r="C24" s="1" t="s">
        <v>663</v>
      </c>
      <c r="D24" s="1" t="s">
        <v>51</v>
      </c>
      <c r="E24" s="1" t="s">
        <v>28</v>
      </c>
      <c r="F24" s="1" t="s">
        <v>173</v>
      </c>
      <c r="G24" s="1" t="s">
        <v>174</v>
      </c>
      <c r="H24" s="1" t="s">
        <v>96</v>
      </c>
      <c r="I24" s="1" t="s">
        <v>175</v>
      </c>
      <c r="J24" s="1" t="s">
        <v>97</v>
      </c>
      <c r="K24" s="1" t="s">
        <v>176</v>
      </c>
      <c r="L24" s="1" t="s">
        <v>34</v>
      </c>
      <c r="N24" s="1" t="s">
        <v>35</v>
      </c>
      <c r="O24" s="1" t="s">
        <v>36</v>
      </c>
      <c r="P24" s="1" t="s">
        <v>37</v>
      </c>
      <c r="Q24" s="1" t="s">
        <v>58</v>
      </c>
      <c r="R24" s="1" t="s">
        <v>142</v>
      </c>
      <c r="S24" s="1" t="s">
        <v>177</v>
      </c>
      <c r="T24" s="1" t="s">
        <v>69</v>
      </c>
      <c r="U24" s="1">
        <v>11.8</v>
      </c>
      <c r="V24" s="3">
        <v>33</v>
      </c>
      <c r="W24" s="1" t="s">
        <v>682</v>
      </c>
      <c r="X24" s="1">
        <v>0.8</v>
      </c>
      <c r="Y24" s="1">
        <v>5.8000000000000003E-2</v>
      </c>
      <c r="Z24" s="1">
        <v>8.0000000000000002E-3</v>
      </c>
      <c r="AA24" s="1" t="s">
        <v>728</v>
      </c>
      <c r="AB24" s="1" t="s">
        <v>731</v>
      </c>
      <c r="AC24" s="1" t="s">
        <v>683</v>
      </c>
      <c r="AD24" s="1" t="s">
        <v>684</v>
      </c>
      <c r="AE24" s="1" t="s">
        <v>685</v>
      </c>
      <c r="AF24" s="1" t="s">
        <v>686</v>
      </c>
      <c r="AG24" s="1" t="s">
        <v>685</v>
      </c>
      <c r="AH24" s="1" t="s">
        <v>687</v>
      </c>
      <c r="AI24" s="1"/>
      <c r="AJ24" s="1" t="s">
        <v>687</v>
      </c>
      <c r="AK24" s="1" t="s">
        <v>688</v>
      </c>
      <c r="AL24" s="1" t="s">
        <v>688</v>
      </c>
      <c r="AM24" s="1" t="s">
        <v>688</v>
      </c>
      <c r="AN24" s="1" t="s">
        <v>688</v>
      </c>
      <c r="AO24" s="1" t="s">
        <v>688</v>
      </c>
      <c r="AP24" t="s">
        <v>688</v>
      </c>
      <c r="AQ24" s="1" t="s">
        <v>688</v>
      </c>
      <c r="AR24" s="1" t="s">
        <v>688</v>
      </c>
      <c r="AS24" s="1" t="s">
        <v>688</v>
      </c>
      <c r="AT24" s="1" t="s">
        <v>696</v>
      </c>
      <c r="AU24" s="1"/>
      <c r="AV24" s="1"/>
      <c r="AW24" s="1"/>
      <c r="AX24" s="1" t="s">
        <v>688</v>
      </c>
      <c r="AY24" s="1" t="s">
        <v>695</v>
      </c>
      <c r="AZ24" s="1"/>
      <c r="BA24" s="1"/>
      <c r="BB24" s="1" t="s">
        <v>693</v>
      </c>
      <c r="BC24" s="1">
        <v>0.55000000000000004</v>
      </c>
      <c r="BD24" s="1">
        <v>0.6</v>
      </c>
      <c r="BE24" s="1" t="s">
        <v>685</v>
      </c>
      <c r="BF24" s="1" t="s">
        <v>685</v>
      </c>
      <c r="BG24" s="1" t="s">
        <v>689</v>
      </c>
      <c r="BH24" s="1" t="s">
        <v>686</v>
      </c>
      <c r="BI24" s="1">
        <v>0.03</v>
      </c>
      <c r="BJ24" s="1" t="s">
        <v>686</v>
      </c>
      <c r="BK24" s="1"/>
      <c r="BL24" s="1" t="s">
        <v>701</v>
      </c>
      <c r="BM24" s="1">
        <v>0.04</v>
      </c>
      <c r="BN24" s="1">
        <v>4.2999999999999997E-2</v>
      </c>
      <c r="BO24" s="1">
        <v>3400</v>
      </c>
      <c r="BP24" s="1">
        <v>20000</v>
      </c>
      <c r="BQ24" s="1"/>
      <c r="BR24" s="1" t="s">
        <v>702</v>
      </c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8819444444444453</v>
      </c>
      <c r="C25" s="1" t="s">
        <v>663</v>
      </c>
      <c r="D25" s="1" t="s">
        <v>51</v>
      </c>
      <c r="E25" s="1" t="s">
        <v>28</v>
      </c>
      <c r="F25" s="1" t="s">
        <v>164</v>
      </c>
      <c r="G25" s="1" t="s">
        <v>178</v>
      </c>
      <c r="H25" s="1" t="s">
        <v>54</v>
      </c>
      <c r="I25" s="1" t="s">
        <v>120</v>
      </c>
      <c r="J25" s="1" t="s">
        <v>167</v>
      </c>
      <c r="K25" s="1" t="s">
        <v>179</v>
      </c>
      <c r="L25" s="1" t="s">
        <v>34</v>
      </c>
      <c r="N25" s="1" t="s">
        <v>35</v>
      </c>
      <c r="O25" s="1" t="s">
        <v>36</v>
      </c>
      <c r="P25" s="1" t="s">
        <v>37</v>
      </c>
      <c r="Q25" s="1" t="s">
        <v>100</v>
      </c>
      <c r="R25" s="1" t="s">
        <v>142</v>
      </c>
      <c r="S25" s="1" t="s">
        <v>177</v>
      </c>
      <c r="T25" s="1" t="s">
        <v>69</v>
      </c>
      <c r="U25" s="1">
        <v>10.8</v>
      </c>
      <c r="V25" s="1"/>
      <c r="W25" s="1" t="s">
        <v>682</v>
      </c>
      <c r="X25" s="1">
        <v>0.76</v>
      </c>
      <c r="Y25" s="1">
        <v>0.11</v>
      </c>
      <c r="Z25" s="1"/>
      <c r="AA25" s="1" t="s">
        <v>723</v>
      </c>
      <c r="AB25" s="1" t="s">
        <v>723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100</v>
      </c>
      <c r="BP25" s="1">
        <v>19000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80</v>
      </c>
      <c r="B26" s="2">
        <v>0.4513888888888889</v>
      </c>
      <c r="C26" s="1" t="s">
        <v>663</v>
      </c>
      <c r="D26" s="1" t="s">
        <v>42</v>
      </c>
      <c r="E26" s="1" t="s">
        <v>664</v>
      </c>
      <c r="F26" s="1" t="s">
        <v>181</v>
      </c>
      <c r="G26" s="1" t="s">
        <v>182</v>
      </c>
      <c r="H26" s="1" t="s">
        <v>54</v>
      </c>
      <c r="I26" s="1" t="s">
        <v>183</v>
      </c>
      <c r="J26" s="1" t="s">
        <v>82</v>
      </c>
      <c r="K26" s="1" t="s">
        <v>184</v>
      </c>
      <c r="L26" s="1" t="s">
        <v>34</v>
      </c>
      <c r="N26" s="1" t="s">
        <v>35</v>
      </c>
      <c r="O26" s="1" t="s">
        <v>36</v>
      </c>
      <c r="P26" s="1" t="s">
        <v>37</v>
      </c>
      <c r="Q26" s="1" t="s">
        <v>58</v>
      </c>
      <c r="R26" s="1" t="s">
        <v>185</v>
      </c>
      <c r="S26" s="1" t="s">
        <v>186</v>
      </c>
      <c r="T26" s="1" t="s">
        <v>49</v>
      </c>
      <c r="U26" s="1">
        <v>8.5</v>
      </c>
      <c r="V26" s="3">
        <v>170000</v>
      </c>
      <c r="W26" s="1"/>
      <c r="X26" s="1">
        <v>1.4</v>
      </c>
      <c r="Y26" s="1">
        <v>0.13</v>
      </c>
      <c r="Z26" s="1">
        <v>2.1000000000000001E-2</v>
      </c>
      <c r="AA26" s="1" t="s">
        <v>723</v>
      </c>
      <c r="AB26" s="1" t="s">
        <v>732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694</v>
      </c>
      <c r="AV26" s="1" t="s">
        <v>683</v>
      </c>
      <c r="AW26" s="1" t="s">
        <v>695</v>
      </c>
      <c r="AX26" s="1"/>
      <c r="AY26" s="1"/>
      <c r="AZ26" s="1"/>
      <c r="BA26" s="1"/>
      <c r="BB26" s="1" t="s">
        <v>693</v>
      </c>
      <c r="BC26" s="1">
        <v>0.63</v>
      </c>
      <c r="BD26" s="1">
        <v>0.68</v>
      </c>
      <c r="BE26" s="1"/>
      <c r="BF26" s="1"/>
      <c r="BG26" s="1"/>
      <c r="BH26" s="1"/>
      <c r="BI26" s="1"/>
      <c r="BJ26" s="1"/>
      <c r="BK26" s="1" t="s">
        <v>694</v>
      </c>
      <c r="BL26" s="1"/>
      <c r="BM26" s="1">
        <v>0.22</v>
      </c>
      <c r="BN26" s="1">
        <v>9.7000000000000003E-2</v>
      </c>
      <c r="BO26" s="1">
        <v>2700</v>
      </c>
      <c r="BP26" s="1">
        <v>17000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8472222222222221</v>
      </c>
      <c r="C27" s="1" t="s">
        <v>663</v>
      </c>
      <c r="D27" s="1" t="s">
        <v>42</v>
      </c>
      <c r="E27" s="1" t="s">
        <v>664</v>
      </c>
      <c r="F27" s="1" t="s">
        <v>187</v>
      </c>
      <c r="G27" s="1" t="s">
        <v>182</v>
      </c>
      <c r="H27" s="1" t="s">
        <v>54</v>
      </c>
      <c r="I27" s="1" t="s">
        <v>188</v>
      </c>
      <c r="J27" s="1" t="s">
        <v>189</v>
      </c>
      <c r="K27" s="1" t="s">
        <v>190</v>
      </c>
      <c r="L27" s="1" t="s">
        <v>191</v>
      </c>
      <c r="N27" s="1" t="s">
        <v>35</v>
      </c>
      <c r="O27" s="1" t="s">
        <v>192</v>
      </c>
      <c r="P27" s="1" t="s">
        <v>37</v>
      </c>
      <c r="Q27" s="1" t="s">
        <v>58</v>
      </c>
      <c r="R27" s="1" t="s">
        <v>193</v>
      </c>
      <c r="S27" s="1" t="s">
        <v>115</v>
      </c>
      <c r="T27" s="1" t="s">
        <v>194</v>
      </c>
      <c r="U27" s="1">
        <v>9.1</v>
      </c>
      <c r="V27" s="1"/>
      <c r="W27" s="1"/>
      <c r="X27" s="1">
        <v>0.98</v>
      </c>
      <c r="Y27" s="1">
        <v>0.11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100</v>
      </c>
      <c r="BP27" s="1">
        <v>21000</v>
      </c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3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C21" sqref="C21"/>
    </sheetView>
  </sheetViews>
  <sheetFormatPr defaultRowHeight="14.25" x14ac:dyDescent="0.15"/>
  <sheetData>
    <row r="1" spans="1:78" x14ac:dyDescent="0.15">
      <c r="A1" s="1" t="s">
        <v>0</v>
      </c>
      <c r="B1" s="1" t="s">
        <v>665</v>
      </c>
      <c r="C1" s="1" t="s">
        <v>1</v>
      </c>
      <c r="D1" s="1" t="s">
        <v>666</v>
      </c>
      <c r="E1" s="1" t="s">
        <v>2</v>
      </c>
      <c r="F1" s="1" t="s">
        <v>654</v>
      </c>
      <c r="G1" s="1" t="s">
        <v>3</v>
      </c>
      <c r="H1" s="1" t="s">
        <v>65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56</v>
      </c>
      <c r="V2" s="1" t="s">
        <v>605</v>
      </c>
      <c r="W2" s="1" t="s">
        <v>679</v>
      </c>
      <c r="X2" s="1" t="s">
        <v>606</v>
      </c>
      <c r="Y2" s="1" t="s">
        <v>607</v>
      </c>
      <c r="Z2" s="1" t="s">
        <v>608</v>
      </c>
      <c r="AA2" s="1" t="s">
        <v>709</v>
      </c>
      <c r="AB2" s="1" t="s">
        <v>722</v>
      </c>
      <c r="AC2" s="1" t="s">
        <v>609</v>
      </c>
      <c r="AD2" s="1" t="s">
        <v>610</v>
      </c>
      <c r="AE2" s="1" t="s">
        <v>680</v>
      </c>
      <c r="AF2" s="1" t="s">
        <v>611</v>
      </c>
      <c r="AG2" s="1" t="s">
        <v>612</v>
      </c>
      <c r="AH2" s="1" t="s">
        <v>613</v>
      </c>
      <c r="AI2" s="1" t="s">
        <v>614</v>
      </c>
      <c r="AJ2" s="1" t="s">
        <v>615</v>
      </c>
      <c r="AK2" s="1" t="s">
        <v>616</v>
      </c>
      <c r="AL2" s="1" t="s">
        <v>617</v>
      </c>
      <c r="AM2" s="1" t="s">
        <v>618</v>
      </c>
      <c r="AN2" s="1" t="s">
        <v>619</v>
      </c>
      <c r="AO2" s="1" t="s">
        <v>620</v>
      </c>
      <c r="AP2" t="s">
        <v>704</v>
      </c>
      <c r="AQ2" s="1" t="s">
        <v>621</v>
      </c>
      <c r="AR2" s="1" t="s">
        <v>622</v>
      </c>
      <c r="AS2" s="1" t="s">
        <v>623</v>
      </c>
      <c r="AT2" s="1" t="s">
        <v>690</v>
      </c>
      <c r="AU2" s="1" t="s">
        <v>624</v>
      </c>
      <c r="AV2" s="1" t="s">
        <v>625</v>
      </c>
      <c r="AW2" s="1" t="s">
        <v>626</v>
      </c>
      <c r="AX2" s="1" t="s">
        <v>627</v>
      </c>
      <c r="AY2" s="1" t="s">
        <v>628</v>
      </c>
      <c r="AZ2" s="1" t="s">
        <v>629</v>
      </c>
      <c r="BA2" s="1" t="s">
        <v>630</v>
      </c>
      <c r="BB2" s="1" t="s">
        <v>631</v>
      </c>
      <c r="BC2" s="1" t="s">
        <v>632</v>
      </c>
      <c r="BD2" s="1" t="s">
        <v>633</v>
      </c>
      <c r="BE2" s="1" t="s">
        <v>717</v>
      </c>
      <c r="BF2" s="1" t="s">
        <v>634</v>
      </c>
      <c r="BG2" s="1" t="s">
        <v>691</v>
      </c>
      <c r="BH2" s="1" t="s">
        <v>692</v>
      </c>
      <c r="BI2" s="1" t="s">
        <v>635</v>
      </c>
      <c r="BJ2" s="1" t="s">
        <v>636</v>
      </c>
      <c r="BK2" s="1" t="s">
        <v>637</v>
      </c>
      <c r="BL2" s="1" t="s">
        <v>638</v>
      </c>
      <c r="BM2" s="1" t="s">
        <v>639</v>
      </c>
      <c r="BN2" s="1" t="s">
        <v>640</v>
      </c>
      <c r="BO2" s="1" t="s">
        <v>641</v>
      </c>
      <c r="BP2" s="1" t="s">
        <v>642</v>
      </c>
      <c r="BQ2" s="1" t="s">
        <v>643</v>
      </c>
      <c r="BR2" s="1" t="s">
        <v>644</v>
      </c>
      <c r="BS2" s="1" t="s">
        <v>645</v>
      </c>
      <c r="BT2" s="1" t="s">
        <v>646</v>
      </c>
      <c r="BU2" s="1" t="s">
        <v>647</v>
      </c>
      <c r="BV2" s="1" t="s">
        <v>648</v>
      </c>
      <c r="BW2" s="1" t="s">
        <v>649</v>
      </c>
      <c r="BX2" s="1" t="s">
        <v>650</v>
      </c>
      <c r="BY2" s="1" t="s">
        <v>651</v>
      </c>
      <c r="BZ2" s="1" t="s">
        <v>697</v>
      </c>
    </row>
    <row r="3" spans="1:78" x14ac:dyDescent="0.15">
      <c r="A3" s="1" t="s">
        <v>657</v>
      </c>
      <c r="B3" s="1" t="s">
        <v>658</v>
      </c>
      <c r="C3" s="1"/>
      <c r="D3" s="1"/>
      <c r="E3" s="1"/>
      <c r="F3" s="1" t="s">
        <v>659</v>
      </c>
      <c r="G3" s="1" t="s">
        <v>659</v>
      </c>
      <c r="H3" s="1" t="s">
        <v>660</v>
      </c>
      <c r="I3" s="1" t="s">
        <v>24</v>
      </c>
      <c r="J3" s="1" t="s">
        <v>661</v>
      </c>
      <c r="K3" s="1" t="s">
        <v>661</v>
      </c>
      <c r="L3" s="1" t="s">
        <v>662</v>
      </c>
      <c r="M3" s="1" t="s">
        <v>6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8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98</v>
      </c>
      <c r="BP3" s="1" t="s">
        <v>25</v>
      </c>
      <c r="BQ3" s="1" t="s">
        <v>699</v>
      </c>
      <c r="BR3" s="1" t="s">
        <v>25</v>
      </c>
      <c r="BS3" s="1" t="s">
        <v>25</v>
      </c>
      <c r="BT3" s="1" t="s">
        <v>7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0972222222222227</v>
      </c>
      <c r="C4" s="1" t="s">
        <v>663</v>
      </c>
      <c r="D4" s="1" t="s">
        <v>42</v>
      </c>
      <c r="E4" s="1" t="s">
        <v>28</v>
      </c>
      <c r="F4" s="1" t="s">
        <v>144</v>
      </c>
      <c r="G4" s="1" t="s">
        <v>195</v>
      </c>
      <c r="H4" s="1" t="s">
        <v>107</v>
      </c>
      <c r="I4" s="1" t="s">
        <v>196</v>
      </c>
      <c r="J4" s="1" t="s">
        <v>197</v>
      </c>
      <c r="K4" s="1" t="s">
        <v>198</v>
      </c>
      <c r="L4" s="1" t="s">
        <v>199</v>
      </c>
      <c r="N4" s="1" t="s">
        <v>35</v>
      </c>
      <c r="O4" s="1" t="s">
        <v>36</v>
      </c>
      <c r="P4" s="1" t="s">
        <v>37</v>
      </c>
      <c r="Q4" s="1" t="s">
        <v>58</v>
      </c>
      <c r="R4" s="1" t="s">
        <v>171</v>
      </c>
      <c r="S4" s="1" t="s">
        <v>200</v>
      </c>
      <c r="T4" s="1" t="s">
        <v>69</v>
      </c>
      <c r="U4" s="1">
        <v>10.5</v>
      </c>
      <c r="V4" s="3">
        <v>240</v>
      </c>
      <c r="W4" s="1"/>
      <c r="X4" s="1">
        <v>2.2999999999999998</v>
      </c>
      <c r="Y4" s="1">
        <v>0.14000000000000001</v>
      </c>
      <c r="Z4" s="1">
        <v>8.0000000000000002E-3</v>
      </c>
      <c r="AA4" s="1" t="s">
        <v>723</v>
      </c>
      <c r="AB4" s="1" t="s">
        <v>733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11</v>
      </c>
      <c r="BC4" s="1">
        <v>1.2</v>
      </c>
      <c r="BD4" s="1">
        <v>1.3</v>
      </c>
      <c r="BE4" s="1"/>
      <c r="BF4" s="1"/>
      <c r="BG4" s="1"/>
      <c r="BH4" s="1"/>
      <c r="BI4" s="1"/>
      <c r="BJ4" s="1"/>
      <c r="BK4" s="1"/>
      <c r="BL4" s="1"/>
      <c r="BM4" s="1">
        <v>0.35</v>
      </c>
      <c r="BN4" s="1">
        <v>0.1</v>
      </c>
      <c r="BO4" s="1">
        <v>2800</v>
      </c>
      <c r="BP4" s="1">
        <v>10000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4652777777777779</v>
      </c>
      <c r="C5" s="1" t="s">
        <v>663</v>
      </c>
      <c r="D5" s="1" t="s">
        <v>42</v>
      </c>
      <c r="E5" s="1" t="s">
        <v>28</v>
      </c>
      <c r="F5" s="1" t="s">
        <v>201</v>
      </c>
      <c r="G5" s="1" t="s">
        <v>202</v>
      </c>
      <c r="H5" s="1" t="s">
        <v>203</v>
      </c>
      <c r="I5" s="1" t="s">
        <v>204</v>
      </c>
      <c r="J5" s="1" t="s">
        <v>205</v>
      </c>
      <c r="K5" s="1" t="s">
        <v>206</v>
      </c>
      <c r="L5" s="1" t="s">
        <v>207</v>
      </c>
      <c r="N5" s="1" t="s">
        <v>35</v>
      </c>
      <c r="O5" s="1" t="s">
        <v>208</v>
      </c>
      <c r="P5" s="1" t="s">
        <v>37</v>
      </c>
      <c r="Q5" s="1" t="s">
        <v>209</v>
      </c>
      <c r="R5" s="1" t="s">
        <v>200</v>
      </c>
      <c r="S5" s="1" t="s">
        <v>200</v>
      </c>
      <c r="T5" s="1" t="s">
        <v>210</v>
      </c>
      <c r="U5" s="1">
        <v>14.9</v>
      </c>
      <c r="V5" s="1"/>
      <c r="W5" s="1"/>
      <c r="X5" s="1">
        <v>1.3</v>
      </c>
      <c r="Y5" s="1">
        <v>0.12</v>
      </c>
      <c r="Z5" s="1"/>
      <c r="AA5" s="1" t="s">
        <v>723</v>
      </c>
      <c r="AB5" s="1" t="s">
        <v>723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700</v>
      </c>
      <c r="BP5" s="1">
        <v>14000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0</v>
      </c>
      <c r="B6" s="2">
        <v>0.41666666666666669</v>
      </c>
      <c r="C6" s="1" t="s">
        <v>663</v>
      </c>
      <c r="D6" s="1" t="s">
        <v>51</v>
      </c>
      <c r="E6" s="1" t="s">
        <v>28</v>
      </c>
      <c r="F6" s="1" t="s">
        <v>211</v>
      </c>
      <c r="G6" s="1" t="s">
        <v>212</v>
      </c>
      <c r="H6" s="1" t="s">
        <v>89</v>
      </c>
      <c r="I6" s="1" t="s">
        <v>213</v>
      </c>
      <c r="J6" s="1" t="s">
        <v>205</v>
      </c>
      <c r="K6" s="1" t="s">
        <v>214</v>
      </c>
      <c r="L6" s="1" t="s">
        <v>34</v>
      </c>
      <c r="N6" s="1" t="s">
        <v>35</v>
      </c>
      <c r="O6" s="1" t="s">
        <v>36</v>
      </c>
      <c r="P6" s="1" t="s">
        <v>37</v>
      </c>
      <c r="Q6" s="1" t="s">
        <v>164</v>
      </c>
      <c r="R6" s="1" t="s">
        <v>215</v>
      </c>
      <c r="S6" s="1" t="s">
        <v>60</v>
      </c>
      <c r="T6" s="1" t="s">
        <v>49</v>
      </c>
      <c r="U6" s="1">
        <v>7.1</v>
      </c>
      <c r="V6" s="3">
        <v>790</v>
      </c>
      <c r="W6" s="1"/>
      <c r="X6" s="1">
        <v>3</v>
      </c>
      <c r="Y6" s="1">
        <v>0.4</v>
      </c>
      <c r="Z6" s="1">
        <v>0.01</v>
      </c>
      <c r="AA6" s="1" t="s">
        <v>723</v>
      </c>
      <c r="AB6" s="1" t="s">
        <v>724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9</v>
      </c>
      <c r="BC6" s="1">
        <v>2.1</v>
      </c>
      <c r="BD6" s="1">
        <v>2.1</v>
      </c>
      <c r="BE6" s="1"/>
      <c r="BF6" s="1"/>
      <c r="BG6" s="1"/>
      <c r="BH6" s="1"/>
      <c r="BI6" s="1"/>
      <c r="BJ6" s="1"/>
      <c r="BK6" s="1"/>
      <c r="BL6" s="1"/>
      <c r="BM6" s="1">
        <v>0.43</v>
      </c>
      <c r="BN6" s="1">
        <v>0.4</v>
      </c>
      <c r="BO6" s="1">
        <v>1900</v>
      </c>
      <c r="BP6" s="1">
        <v>710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74305555555555547</v>
      </c>
      <c r="C7" s="1" t="s">
        <v>663</v>
      </c>
      <c r="D7" s="1" t="s">
        <v>42</v>
      </c>
      <c r="E7" s="1" t="s">
        <v>28</v>
      </c>
      <c r="F7" s="1" t="s">
        <v>216</v>
      </c>
      <c r="G7" s="1" t="s">
        <v>63</v>
      </c>
      <c r="H7" s="1" t="s">
        <v>217</v>
      </c>
      <c r="I7" s="1" t="s">
        <v>218</v>
      </c>
      <c r="J7" s="1" t="s">
        <v>205</v>
      </c>
      <c r="K7" s="1" t="s">
        <v>219</v>
      </c>
      <c r="L7" s="1" t="s">
        <v>34</v>
      </c>
      <c r="N7" s="1" t="s">
        <v>35</v>
      </c>
      <c r="O7" s="1" t="s">
        <v>36</v>
      </c>
      <c r="P7" s="1" t="s">
        <v>37</v>
      </c>
      <c r="Q7" s="1" t="s">
        <v>121</v>
      </c>
      <c r="R7" s="1" t="s">
        <v>220</v>
      </c>
      <c r="S7" s="1" t="s">
        <v>185</v>
      </c>
      <c r="T7" s="1" t="s">
        <v>69</v>
      </c>
      <c r="U7" s="1">
        <v>5.7</v>
      </c>
      <c r="V7" s="1"/>
      <c r="W7" s="1"/>
      <c r="X7" s="1">
        <v>1.4</v>
      </c>
      <c r="Y7" s="1">
        <v>0.16</v>
      </c>
      <c r="Z7" s="1"/>
      <c r="AA7" s="1" t="s">
        <v>723</v>
      </c>
      <c r="AB7" s="1" t="s">
        <v>723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800</v>
      </c>
      <c r="BP7" s="1">
        <v>15000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0</v>
      </c>
      <c r="B8" s="2">
        <v>0.40972222222222227</v>
      </c>
      <c r="C8" s="1" t="s">
        <v>663</v>
      </c>
      <c r="D8" s="1" t="s">
        <v>42</v>
      </c>
      <c r="E8" s="1" t="s">
        <v>664</v>
      </c>
      <c r="F8" s="1" t="s">
        <v>221</v>
      </c>
      <c r="G8" s="1" t="s">
        <v>222</v>
      </c>
      <c r="H8" s="1" t="s">
        <v>107</v>
      </c>
      <c r="I8" s="1" t="s">
        <v>223</v>
      </c>
      <c r="J8" s="1" t="s">
        <v>224</v>
      </c>
      <c r="K8" s="1" t="s">
        <v>225</v>
      </c>
      <c r="L8" s="1" t="s">
        <v>34</v>
      </c>
      <c r="N8" s="1" t="s">
        <v>35</v>
      </c>
      <c r="O8" s="1" t="s">
        <v>208</v>
      </c>
      <c r="P8" s="1" t="s">
        <v>37</v>
      </c>
      <c r="Q8" s="1" t="s">
        <v>58</v>
      </c>
      <c r="R8" s="1" t="s">
        <v>59</v>
      </c>
      <c r="S8" s="1" t="s">
        <v>226</v>
      </c>
      <c r="T8" s="1" t="s">
        <v>61</v>
      </c>
      <c r="U8" s="1">
        <v>7.5</v>
      </c>
      <c r="V8" s="3">
        <v>240</v>
      </c>
      <c r="W8" s="1"/>
      <c r="X8" s="1">
        <v>1.3</v>
      </c>
      <c r="Y8" s="1">
        <v>0.13</v>
      </c>
      <c r="Z8" s="1">
        <v>8.9999999999999993E-3</v>
      </c>
      <c r="AA8" s="1" t="s">
        <v>723</v>
      </c>
      <c r="AB8" s="1" t="s">
        <v>734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5</v>
      </c>
      <c r="BC8" s="1">
        <v>1</v>
      </c>
      <c r="BD8" s="1">
        <v>1</v>
      </c>
      <c r="BE8" s="1"/>
      <c r="BF8" s="1"/>
      <c r="BG8" s="1"/>
      <c r="BH8" s="1"/>
      <c r="BI8" s="1"/>
      <c r="BJ8" s="1"/>
      <c r="BK8" s="1"/>
      <c r="BL8" s="1"/>
      <c r="BM8" s="1">
        <v>0.1</v>
      </c>
      <c r="BN8" s="1">
        <v>9.8000000000000004E-2</v>
      </c>
      <c r="BO8" s="1">
        <v>2500</v>
      </c>
      <c r="BP8" s="1">
        <v>930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3958333333333337</v>
      </c>
      <c r="C9" s="1" t="s">
        <v>663</v>
      </c>
      <c r="D9" s="1" t="s">
        <v>42</v>
      </c>
      <c r="E9" s="1" t="s">
        <v>664</v>
      </c>
      <c r="F9" s="1" t="s">
        <v>227</v>
      </c>
      <c r="G9" s="1" t="s">
        <v>228</v>
      </c>
      <c r="H9" s="1" t="s">
        <v>203</v>
      </c>
      <c r="I9" s="1" t="s">
        <v>229</v>
      </c>
      <c r="J9" s="1" t="s">
        <v>205</v>
      </c>
      <c r="K9" s="1" t="s">
        <v>214</v>
      </c>
      <c r="L9" s="1" t="s">
        <v>230</v>
      </c>
      <c r="N9" s="1" t="s">
        <v>35</v>
      </c>
      <c r="O9" s="1" t="s">
        <v>208</v>
      </c>
      <c r="P9" s="1" t="s">
        <v>37</v>
      </c>
      <c r="Q9" s="1" t="s">
        <v>173</v>
      </c>
      <c r="R9" s="1" t="s">
        <v>231</v>
      </c>
      <c r="S9" s="1" t="s">
        <v>232</v>
      </c>
      <c r="T9" s="1" t="s">
        <v>233</v>
      </c>
      <c r="U9" s="1">
        <v>13.8</v>
      </c>
      <c r="V9" s="1"/>
      <c r="W9" s="1"/>
      <c r="X9" s="1">
        <v>1.3</v>
      </c>
      <c r="Y9" s="1">
        <v>0.13</v>
      </c>
      <c r="Z9" s="1"/>
      <c r="AA9" s="1" t="s">
        <v>723</v>
      </c>
      <c r="AB9" s="1" t="s">
        <v>723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700</v>
      </c>
      <c r="BP9" s="1">
        <v>10000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6</v>
      </c>
      <c r="B10" s="2">
        <v>0.41666666666666669</v>
      </c>
      <c r="C10" s="1" t="s">
        <v>663</v>
      </c>
      <c r="D10" s="1" t="s">
        <v>42</v>
      </c>
      <c r="E10" s="1" t="s">
        <v>28</v>
      </c>
      <c r="F10" s="1" t="s">
        <v>234</v>
      </c>
      <c r="G10" s="1" t="s">
        <v>235</v>
      </c>
      <c r="H10" s="1" t="s">
        <v>236</v>
      </c>
      <c r="I10" s="1" t="s">
        <v>237</v>
      </c>
      <c r="J10" s="1" t="s">
        <v>238</v>
      </c>
      <c r="K10" s="1" t="s">
        <v>239</v>
      </c>
      <c r="L10" s="1" t="s">
        <v>34</v>
      </c>
      <c r="N10" s="1" t="s">
        <v>35</v>
      </c>
      <c r="O10" s="1" t="s">
        <v>36</v>
      </c>
      <c r="P10" s="1" t="s">
        <v>37</v>
      </c>
      <c r="Q10" s="1" t="s">
        <v>76</v>
      </c>
      <c r="R10" s="1" t="s">
        <v>157</v>
      </c>
      <c r="S10" s="1" t="s">
        <v>60</v>
      </c>
      <c r="T10" s="1" t="s">
        <v>41</v>
      </c>
      <c r="U10" s="1">
        <v>8.6999999999999993</v>
      </c>
      <c r="V10" s="3">
        <v>7900</v>
      </c>
      <c r="W10" s="1"/>
      <c r="X10" s="1">
        <v>1.8</v>
      </c>
      <c r="Y10" s="1">
        <v>6.8000000000000005E-2</v>
      </c>
      <c r="Z10" s="1">
        <v>7.0000000000000001E-3</v>
      </c>
      <c r="AA10" s="1" t="s">
        <v>723</v>
      </c>
      <c r="AB10" s="1" t="s">
        <v>735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94</v>
      </c>
      <c r="AV10" s="1" t="s">
        <v>683</v>
      </c>
      <c r="AW10" s="1" t="s">
        <v>695</v>
      </c>
      <c r="AX10" s="1"/>
      <c r="AY10" s="1"/>
      <c r="AZ10" s="1"/>
      <c r="BA10" s="1"/>
      <c r="BB10" s="1">
        <v>7.0000000000000007E-2</v>
      </c>
      <c r="BC10" s="1">
        <v>0.98</v>
      </c>
      <c r="BD10" s="1">
        <v>1</v>
      </c>
      <c r="BE10" s="1"/>
      <c r="BF10" s="1"/>
      <c r="BG10" s="1"/>
      <c r="BH10" s="1"/>
      <c r="BI10" s="1"/>
      <c r="BJ10" s="1"/>
      <c r="BK10" s="1" t="s">
        <v>694</v>
      </c>
      <c r="BL10" s="1"/>
      <c r="BM10" s="1">
        <v>0.74</v>
      </c>
      <c r="BN10" s="1">
        <v>3.4000000000000002E-2</v>
      </c>
      <c r="BO10" s="1">
        <v>2600</v>
      </c>
      <c r="BP10" s="1">
        <v>960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5</v>
      </c>
      <c r="C11" s="1" t="s">
        <v>663</v>
      </c>
      <c r="D11" s="1" t="s">
        <v>42</v>
      </c>
      <c r="E11" s="1" t="s">
        <v>28</v>
      </c>
      <c r="F11" s="1" t="s">
        <v>240</v>
      </c>
      <c r="G11" s="1" t="s">
        <v>241</v>
      </c>
      <c r="H11" s="1" t="s">
        <v>242</v>
      </c>
      <c r="I11" s="1" t="s">
        <v>243</v>
      </c>
      <c r="J11" s="1" t="s">
        <v>244</v>
      </c>
      <c r="K11" s="1" t="s">
        <v>245</v>
      </c>
      <c r="L11" s="1" t="s">
        <v>246</v>
      </c>
      <c r="N11" s="1" t="s">
        <v>35</v>
      </c>
      <c r="O11" s="1" t="s">
        <v>208</v>
      </c>
      <c r="P11" s="1" t="s">
        <v>37</v>
      </c>
      <c r="Q11" s="1" t="s">
        <v>76</v>
      </c>
      <c r="R11" s="1" t="s">
        <v>177</v>
      </c>
      <c r="S11" s="1" t="s">
        <v>115</v>
      </c>
      <c r="T11" s="1" t="s">
        <v>103</v>
      </c>
      <c r="U11" s="1">
        <v>11.9</v>
      </c>
      <c r="V11" s="1"/>
      <c r="W11" s="1"/>
      <c r="X11" s="1">
        <v>1.9</v>
      </c>
      <c r="Y11" s="1">
        <v>6.5000000000000002E-2</v>
      </c>
      <c r="Z11" s="1"/>
      <c r="AA11" s="1" t="s">
        <v>723</v>
      </c>
      <c r="AB11" s="1" t="s">
        <v>723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900</v>
      </c>
      <c r="BP11" s="1">
        <v>1100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4</v>
      </c>
      <c r="B12" s="2">
        <v>0.40277777777777773</v>
      </c>
      <c r="C12" s="1" t="s">
        <v>663</v>
      </c>
      <c r="D12" s="1" t="s">
        <v>51</v>
      </c>
      <c r="E12" s="1" t="s">
        <v>28</v>
      </c>
      <c r="F12" s="1" t="s">
        <v>247</v>
      </c>
      <c r="G12" s="1" t="s">
        <v>248</v>
      </c>
      <c r="H12" s="1" t="s">
        <v>249</v>
      </c>
      <c r="I12" s="1" t="s">
        <v>250</v>
      </c>
      <c r="J12" s="1" t="s">
        <v>238</v>
      </c>
      <c r="K12" s="1" t="s">
        <v>251</v>
      </c>
      <c r="L12" s="1" t="s">
        <v>252</v>
      </c>
      <c r="N12" s="1" t="s">
        <v>35</v>
      </c>
      <c r="O12" s="1" t="s">
        <v>208</v>
      </c>
      <c r="P12" s="1" t="s">
        <v>37</v>
      </c>
      <c r="Q12" s="1" t="s">
        <v>100</v>
      </c>
      <c r="R12" s="1" t="s">
        <v>142</v>
      </c>
      <c r="S12" s="1" t="s">
        <v>169</v>
      </c>
      <c r="T12" s="1" t="s">
        <v>49</v>
      </c>
      <c r="U12" s="1">
        <v>9.1</v>
      </c>
      <c r="V12" s="3">
        <v>7900</v>
      </c>
      <c r="W12" s="1" t="s">
        <v>682</v>
      </c>
      <c r="X12" s="1">
        <v>3.8</v>
      </c>
      <c r="Y12" s="1">
        <v>0.42</v>
      </c>
      <c r="Z12" s="1">
        <v>1.2999999999999999E-2</v>
      </c>
      <c r="AA12" s="1" t="s">
        <v>736</v>
      </c>
      <c r="AB12" s="1" t="s">
        <v>726</v>
      </c>
      <c r="AC12" s="1" t="s">
        <v>683</v>
      </c>
      <c r="AD12" s="1" t="s">
        <v>684</v>
      </c>
      <c r="AE12" s="1" t="s">
        <v>685</v>
      </c>
      <c r="AF12" s="1" t="s">
        <v>686</v>
      </c>
      <c r="AG12" s="1" t="s">
        <v>685</v>
      </c>
      <c r="AH12" s="1" t="s">
        <v>687</v>
      </c>
      <c r="AI12" s="1"/>
      <c r="AJ12" s="1" t="s">
        <v>687</v>
      </c>
      <c r="AK12" s="1" t="s">
        <v>688</v>
      </c>
      <c r="AL12" s="1" t="s">
        <v>688</v>
      </c>
      <c r="AM12" s="1" t="s">
        <v>688</v>
      </c>
      <c r="AN12" s="1" t="s">
        <v>688</v>
      </c>
      <c r="AO12" s="1" t="s">
        <v>688</v>
      </c>
      <c r="AP12" t="s">
        <v>688</v>
      </c>
      <c r="AQ12" s="1" t="s">
        <v>688</v>
      </c>
      <c r="AR12" s="1" t="s">
        <v>688</v>
      </c>
      <c r="AS12" s="1" t="s">
        <v>688</v>
      </c>
      <c r="AT12" s="1" t="s">
        <v>696</v>
      </c>
      <c r="AU12" s="1"/>
      <c r="AV12" s="1"/>
      <c r="AW12" s="1"/>
      <c r="AX12" s="1" t="s">
        <v>688</v>
      </c>
      <c r="AY12" s="1" t="s">
        <v>695</v>
      </c>
      <c r="AZ12" s="1"/>
      <c r="BA12" s="1"/>
      <c r="BB12" s="1">
        <v>0.11</v>
      </c>
      <c r="BC12" s="1">
        <v>2.2000000000000002</v>
      </c>
      <c r="BD12" s="1">
        <v>2.2999999999999998</v>
      </c>
      <c r="BE12" s="1" t="s">
        <v>685</v>
      </c>
      <c r="BF12" s="1" t="s">
        <v>685</v>
      </c>
      <c r="BG12" s="1" t="s">
        <v>689</v>
      </c>
      <c r="BH12" s="1" t="s">
        <v>686</v>
      </c>
      <c r="BI12" s="1">
        <v>0.01</v>
      </c>
      <c r="BJ12" s="1" t="s">
        <v>686</v>
      </c>
      <c r="BK12" s="1"/>
      <c r="BL12" s="1" t="s">
        <v>701</v>
      </c>
      <c r="BM12" s="1">
        <v>0.68</v>
      </c>
      <c r="BN12" s="1">
        <v>0.36</v>
      </c>
      <c r="BO12" s="1">
        <v>1100</v>
      </c>
      <c r="BP12" s="1">
        <v>4800</v>
      </c>
      <c r="BQ12" s="1"/>
      <c r="BR12" s="1">
        <v>0.03</v>
      </c>
      <c r="BS12" s="1" t="s">
        <v>685</v>
      </c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3958333333333337</v>
      </c>
      <c r="C13" s="1" t="s">
        <v>663</v>
      </c>
      <c r="D13" s="1" t="s">
        <v>51</v>
      </c>
      <c r="E13" s="1" t="s">
        <v>28</v>
      </c>
      <c r="F13" s="1" t="s">
        <v>253</v>
      </c>
      <c r="G13" s="1" t="s">
        <v>254</v>
      </c>
      <c r="H13" s="1" t="s">
        <v>242</v>
      </c>
      <c r="I13" s="1" t="s">
        <v>255</v>
      </c>
      <c r="J13" s="1" t="s">
        <v>256</v>
      </c>
      <c r="K13" s="1" t="s">
        <v>257</v>
      </c>
      <c r="L13" s="1" t="s">
        <v>258</v>
      </c>
      <c r="N13" s="1" t="s">
        <v>35</v>
      </c>
      <c r="O13" s="1" t="s">
        <v>208</v>
      </c>
      <c r="P13" s="1" t="s">
        <v>37</v>
      </c>
      <c r="Q13" s="1" t="s">
        <v>259</v>
      </c>
      <c r="R13" s="1" t="s">
        <v>60</v>
      </c>
      <c r="S13" s="1" t="s">
        <v>260</v>
      </c>
      <c r="T13" s="1" t="s">
        <v>103</v>
      </c>
      <c r="U13" s="1">
        <v>15.5</v>
      </c>
      <c r="V13" s="1"/>
      <c r="W13" s="1" t="s">
        <v>682</v>
      </c>
      <c r="X13" s="1">
        <v>1.5</v>
      </c>
      <c r="Y13" s="1">
        <v>0.16</v>
      </c>
      <c r="Z13" s="1"/>
      <c r="AA13" s="1" t="s">
        <v>723</v>
      </c>
      <c r="AB13" s="1" t="s">
        <v>723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500</v>
      </c>
      <c r="BP13" s="1">
        <v>2700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6</v>
      </c>
      <c r="B14" s="2">
        <v>0.40972222222222227</v>
      </c>
      <c r="C14" s="1" t="s">
        <v>663</v>
      </c>
      <c r="D14" s="1" t="s">
        <v>42</v>
      </c>
      <c r="E14" s="1" t="s">
        <v>117</v>
      </c>
      <c r="F14" s="1" t="s">
        <v>125</v>
      </c>
      <c r="G14" s="1" t="s">
        <v>125</v>
      </c>
      <c r="H14" s="1" t="s">
        <v>261</v>
      </c>
      <c r="I14" s="1" t="s">
        <v>262</v>
      </c>
      <c r="J14" s="1" t="s">
        <v>263</v>
      </c>
      <c r="K14" s="1" t="s">
        <v>264</v>
      </c>
      <c r="L14" s="1" t="s">
        <v>265</v>
      </c>
      <c r="N14" s="1" t="s">
        <v>35</v>
      </c>
      <c r="O14" s="1" t="s">
        <v>208</v>
      </c>
      <c r="P14" s="1" t="s">
        <v>37</v>
      </c>
      <c r="Q14" s="1" t="s">
        <v>266</v>
      </c>
      <c r="R14" s="1" t="s">
        <v>267</v>
      </c>
      <c r="S14" s="1" t="s">
        <v>268</v>
      </c>
      <c r="T14" s="1" t="s">
        <v>147</v>
      </c>
      <c r="U14" s="1">
        <v>7</v>
      </c>
      <c r="V14" s="3">
        <v>170000</v>
      </c>
      <c r="W14" s="1"/>
      <c r="X14" s="1">
        <v>2.5</v>
      </c>
      <c r="Y14" s="1">
        <v>0.23</v>
      </c>
      <c r="Z14" s="1">
        <v>1.2999999999999999E-2</v>
      </c>
      <c r="AA14" s="1" t="s">
        <v>723</v>
      </c>
      <c r="AB14" s="1" t="s">
        <v>737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693</v>
      </c>
      <c r="BC14" s="1">
        <v>1.4</v>
      </c>
      <c r="BD14" s="1">
        <v>1.4</v>
      </c>
      <c r="BE14" s="1"/>
      <c r="BF14" s="1"/>
      <c r="BG14" s="1"/>
      <c r="BH14" s="1"/>
      <c r="BI14" s="1"/>
      <c r="BJ14" s="1"/>
      <c r="BK14" s="1"/>
      <c r="BL14" s="1"/>
      <c r="BM14" s="1">
        <v>0.22</v>
      </c>
      <c r="BN14" s="1">
        <v>0.19</v>
      </c>
      <c r="BO14" s="1">
        <v>440</v>
      </c>
      <c r="BP14" s="1">
        <v>240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5</v>
      </c>
      <c r="C15" s="1" t="s">
        <v>663</v>
      </c>
      <c r="D15" s="1" t="s">
        <v>42</v>
      </c>
      <c r="E15" s="1" t="s">
        <v>117</v>
      </c>
      <c r="F15" s="1" t="s">
        <v>132</v>
      </c>
      <c r="G15" s="1" t="s">
        <v>269</v>
      </c>
      <c r="H15" s="1" t="s">
        <v>54</v>
      </c>
      <c r="I15" s="1" t="s">
        <v>98</v>
      </c>
      <c r="J15" s="1" t="s">
        <v>270</v>
      </c>
      <c r="K15" s="1" t="s">
        <v>271</v>
      </c>
      <c r="L15" s="1" t="s">
        <v>34</v>
      </c>
      <c r="N15" s="1" t="s">
        <v>35</v>
      </c>
      <c r="O15" s="1" t="s">
        <v>36</v>
      </c>
      <c r="P15" s="1" t="s">
        <v>37</v>
      </c>
      <c r="Q15" s="1" t="s">
        <v>121</v>
      </c>
      <c r="R15" s="1" t="s">
        <v>85</v>
      </c>
      <c r="S15" s="1" t="s">
        <v>272</v>
      </c>
      <c r="T15" s="1" t="s">
        <v>49</v>
      </c>
      <c r="U15" s="1">
        <v>6.6</v>
      </c>
      <c r="V15" s="1"/>
      <c r="W15" s="1"/>
      <c r="X15" s="1">
        <v>2</v>
      </c>
      <c r="Y15" s="1">
        <v>0.15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700</v>
      </c>
      <c r="BP15" s="1">
        <v>6800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1</v>
      </c>
      <c r="B16" s="2">
        <v>0.40625</v>
      </c>
      <c r="C16" s="1" t="s">
        <v>663</v>
      </c>
      <c r="D16" s="1" t="s">
        <v>42</v>
      </c>
      <c r="E16" s="1" t="s">
        <v>28</v>
      </c>
      <c r="F16" s="1" t="s">
        <v>273</v>
      </c>
      <c r="G16" s="1" t="s">
        <v>274</v>
      </c>
      <c r="H16" s="1" t="s">
        <v>31</v>
      </c>
      <c r="I16" s="1" t="s">
        <v>275</v>
      </c>
      <c r="J16" s="1" t="s">
        <v>238</v>
      </c>
      <c r="K16" s="1" t="s">
        <v>276</v>
      </c>
      <c r="L16" s="1" t="s">
        <v>34</v>
      </c>
      <c r="N16" s="1" t="s">
        <v>35</v>
      </c>
      <c r="O16" s="1" t="s">
        <v>36</v>
      </c>
      <c r="P16" s="1" t="s">
        <v>37</v>
      </c>
      <c r="Q16" s="1" t="s">
        <v>100</v>
      </c>
      <c r="R16" s="1" t="s">
        <v>220</v>
      </c>
      <c r="S16" s="1" t="s">
        <v>60</v>
      </c>
      <c r="T16" s="1" t="s">
        <v>277</v>
      </c>
      <c r="U16" s="1">
        <v>7.2</v>
      </c>
      <c r="V16" s="3">
        <v>13000</v>
      </c>
      <c r="W16" s="1"/>
      <c r="X16" s="1">
        <v>2.8</v>
      </c>
      <c r="Y16" s="1">
        <v>0.27</v>
      </c>
      <c r="Z16" s="1">
        <v>0.01</v>
      </c>
      <c r="AA16" s="1" t="s">
        <v>723</v>
      </c>
      <c r="AB16" s="1" t="s">
        <v>694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693</v>
      </c>
      <c r="BC16" s="1">
        <v>2.4</v>
      </c>
      <c r="BD16" s="1">
        <v>2.4</v>
      </c>
      <c r="BE16" s="1"/>
      <c r="BF16" s="1"/>
      <c r="BG16" s="1"/>
      <c r="BH16" s="1"/>
      <c r="BI16" s="1"/>
      <c r="BJ16" s="1"/>
      <c r="BK16" s="1"/>
      <c r="BL16" s="1"/>
      <c r="BM16" s="1">
        <v>0.19</v>
      </c>
      <c r="BN16" s="1">
        <v>0.25</v>
      </c>
      <c r="BO16" s="1">
        <v>770</v>
      </c>
      <c r="BP16" s="1">
        <v>4000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4305555555555547</v>
      </c>
      <c r="C17" s="1" t="s">
        <v>663</v>
      </c>
      <c r="D17" s="1" t="s">
        <v>51</v>
      </c>
      <c r="E17" s="1" t="s">
        <v>28</v>
      </c>
      <c r="F17" s="1" t="s">
        <v>278</v>
      </c>
      <c r="G17" s="1" t="s">
        <v>279</v>
      </c>
      <c r="H17" s="1" t="s">
        <v>54</v>
      </c>
      <c r="I17" s="1" t="s">
        <v>280</v>
      </c>
      <c r="J17" s="1" t="s">
        <v>281</v>
      </c>
      <c r="K17" s="1" t="s">
        <v>282</v>
      </c>
      <c r="L17" s="1" t="s">
        <v>34</v>
      </c>
      <c r="N17" s="1" t="s">
        <v>35</v>
      </c>
      <c r="O17" s="1" t="s">
        <v>36</v>
      </c>
      <c r="P17" s="1" t="s">
        <v>37</v>
      </c>
      <c r="Q17" s="1" t="s">
        <v>121</v>
      </c>
      <c r="R17" s="1" t="s">
        <v>161</v>
      </c>
      <c r="S17" s="1" t="s">
        <v>60</v>
      </c>
      <c r="T17" s="1" t="s">
        <v>49</v>
      </c>
      <c r="U17" s="1">
        <v>7.9</v>
      </c>
      <c r="V17" s="1"/>
      <c r="W17" s="1"/>
      <c r="X17" s="1">
        <v>3</v>
      </c>
      <c r="Y17" s="1">
        <v>0.28000000000000003</v>
      </c>
      <c r="Z17" s="1"/>
      <c r="AA17" s="1" t="s">
        <v>723</v>
      </c>
      <c r="AB17" s="1" t="s">
        <v>723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710</v>
      </c>
      <c r="BP17" s="1">
        <v>4400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40972222222222227</v>
      </c>
      <c r="C18" s="1" t="s">
        <v>663</v>
      </c>
      <c r="D18" s="1" t="s">
        <v>51</v>
      </c>
      <c r="E18" s="1" t="s">
        <v>117</v>
      </c>
      <c r="F18" s="1" t="s">
        <v>144</v>
      </c>
      <c r="G18" s="1" t="s">
        <v>283</v>
      </c>
      <c r="H18" s="1" t="s">
        <v>242</v>
      </c>
      <c r="I18" s="1" t="s">
        <v>284</v>
      </c>
      <c r="J18" s="1" t="s">
        <v>263</v>
      </c>
      <c r="K18" s="1" t="s">
        <v>285</v>
      </c>
      <c r="L18" s="1" t="s">
        <v>34</v>
      </c>
      <c r="N18" s="1" t="s">
        <v>35</v>
      </c>
      <c r="O18" s="1" t="s">
        <v>36</v>
      </c>
      <c r="P18" s="1" t="s">
        <v>37</v>
      </c>
      <c r="Q18" s="1" t="s">
        <v>121</v>
      </c>
      <c r="R18" s="1" t="s">
        <v>157</v>
      </c>
      <c r="S18" s="1" t="s">
        <v>286</v>
      </c>
      <c r="T18" s="1" t="s">
        <v>123</v>
      </c>
      <c r="U18" s="1">
        <v>5</v>
      </c>
      <c r="V18" s="3">
        <v>13000</v>
      </c>
      <c r="W18" s="1"/>
      <c r="X18" s="1">
        <v>2.6</v>
      </c>
      <c r="Y18" s="1">
        <v>0.23</v>
      </c>
      <c r="Z18" s="1">
        <v>1.2999999999999999E-2</v>
      </c>
      <c r="AA18" s="1" t="s">
        <v>723</v>
      </c>
      <c r="AB18" s="1" t="s">
        <v>69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7.0000000000000007E-2</v>
      </c>
      <c r="BC18" s="1">
        <v>1.4</v>
      </c>
      <c r="BD18" s="1">
        <v>1.4</v>
      </c>
      <c r="BE18" s="1"/>
      <c r="BF18" s="1"/>
      <c r="BG18" s="1"/>
      <c r="BH18" s="1"/>
      <c r="BI18" s="1"/>
      <c r="BJ18" s="1"/>
      <c r="BK18" s="1"/>
      <c r="BL18" s="1"/>
      <c r="BM18" s="1">
        <v>0.44</v>
      </c>
      <c r="BN18" s="1">
        <v>0.2</v>
      </c>
      <c r="BO18" s="1">
        <v>2800</v>
      </c>
      <c r="BP18" s="1">
        <v>160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4305555555555547</v>
      </c>
      <c r="C19" s="1" t="s">
        <v>663</v>
      </c>
      <c r="D19" s="1" t="s">
        <v>51</v>
      </c>
      <c r="E19" s="1" t="s">
        <v>117</v>
      </c>
      <c r="F19" s="1" t="s">
        <v>287</v>
      </c>
      <c r="G19" s="1" t="s">
        <v>202</v>
      </c>
      <c r="H19" s="1" t="s">
        <v>288</v>
      </c>
      <c r="I19" s="1" t="s">
        <v>289</v>
      </c>
      <c r="J19" s="1" t="s">
        <v>290</v>
      </c>
      <c r="K19" s="1" t="s">
        <v>291</v>
      </c>
      <c r="L19" s="1" t="s">
        <v>34</v>
      </c>
      <c r="N19" s="1" t="s">
        <v>35</v>
      </c>
      <c r="O19" s="1" t="s">
        <v>36</v>
      </c>
      <c r="P19" s="1" t="s">
        <v>37</v>
      </c>
      <c r="Q19" s="1" t="s">
        <v>121</v>
      </c>
      <c r="R19" s="1" t="s">
        <v>59</v>
      </c>
      <c r="S19" s="1" t="s">
        <v>130</v>
      </c>
      <c r="T19" s="1" t="s">
        <v>69</v>
      </c>
      <c r="U19" s="1">
        <v>6.4</v>
      </c>
      <c r="V19" s="1"/>
      <c r="W19" s="1"/>
      <c r="X19" s="1">
        <v>1.5</v>
      </c>
      <c r="Y19" s="1">
        <v>0.14000000000000001</v>
      </c>
      <c r="Z19" s="1"/>
      <c r="AA19" s="1" t="s">
        <v>723</v>
      </c>
      <c r="AB19" s="1" t="s">
        <v>723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200</v>
      </c>
      <c r="BP19" s="1">
        <v>18000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40972222222222227</v>
      </c>
      <c r="C20" s="1" t="s">
        <v>663</v>
      </c>
      <c r="D20" s="1" t="s">
        <v>51</v>
      </c>
      <c r="E20" s="1" t="s">
        <v>152</v>
      </c>
      <c r="F20" s="1" t="s">
        <v>292</v>
      </c>
      <c r="G20" s="1" t="s">
        <v>293</v>
      </c>
      <c r="H20" s="1" t="s">
        <v>294</v>
      </c>
      <c r="I20" s="1" t="s">
        <v>295</v>
      </c>
      <c r="J20" s="1" t="s">
        <v>224</v>
      </c>
      <c r="K20" s="1" t="s">
        <v>225</v>
      </c>
      <c r="L20" s="1" t="s">
        <v>34</v>
      </c>
      <c r="N20" s="1" t="s">
        <v>35</v>
      </c>
      <c r="O20" s="1" t="s">
        <v>36</v>
      </c>
      <c r="P20" s="1" t="s">
        <v>37</v>
      </c>
      <c r="Q20" s="1" t="s">
        <v>38</v>
      </c>
      <c r="R20" s="1" t="s">
        <v>267</v>
      </c>
      <c r="S20" s="1" t="s">
        <v>296</v>
      </c>
      <c r="T20" s="1" t="s">
        <v>41</v>
      </c>
      <c r="U20" s="1">
        <v>5.8</v>
      </c>
      <c r="V20" s="3">
        <v>49000</v>
      </c>
      <c r="W20" s="1"/>
      <c r="X20" s="1">
        <v>4.5</v>
      </c>
      <c r="Y20" s="1">
        <v>0.44</v>
      </c>
      <c r="Z20" s="1">
        <v>1.7999999999999999E-2</v>
      </c>
      <c r="AA20" s="1" t="s">
        <v>723</v>
      </c>
      <c r="AB20" s="1" t="s">
        <v>694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9</v>
      </c>
      <c r="BC20" s="1">
        <v>2.9</v>
      </c>
      <c r="BD20" s="1">
        <v>2.9</v>
      </c>
      <c r="BE20" s="1"/>
      <c r="BF20" s="1"/>
      <c r="BG20" s="1"/>
      <c r="BH20" s="1"/>
      <c r="BI20" s="1"/>
      <c r="BJ20" s="1"/>
      <c r="BK20" s="1"/>
      <c r="BL20" s="1"/>
      <c r="BM20" s="1">
        <v>0.74</v>
      </c>
      <c r="BN20" s="1">
        <v>0.4</v>
      </c>
      <c r="BO20" s="1">
        <v>2000</v>
      </c>
      <c r="BP20" s="1">
        <v>12000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5</v>
      </c>
      <c r="C21" s="1" t="s">
        <v>663</v>
      </c>
      <c r="D21" s="1" t="s">
        <v>42</v>
      </c>
      <c r="E21" s="1" t="s">
        <v>152</v>
      </c>
      <c r="F21" s="1" t="s">
        <v>195</v>
      </c>
      <c r="G21" s="1" t="s">
        <v>297</v>
      </c>
      <c r="H21" s="1" t="s">
        <v>298</v>
      </c>
      <c r="I21" s="1" t="s">
        <v>299</v>
      </c>
      <c r="J21" s="1" t="s">
        <v>300</v>
      </c>
      <c r="K21" s="1" t="s">
        <v>301</v>
      </c>
      <c r="L21" s="1" t="s">
        <v>34</v>
      </c>
      <c r="N21" s="1" t="s">
        <v>35</v>
      </c>
      <c r="O21" s="1" t="s">
        <v>36</v>
      </c>
      <c r="P21" s="1" t="s">
        <v>37</v>
      </c>
      <c r="Q21" s="1" t="s">
        <v>58</v>
      </c>
      <c r="R21" s="1" t="s">
        <v>59</v>
      </c>
      <c r="S21" s="1" t="s">
        <v>114</v>
      </c>
      <c r="T21" s="1" t="s">
        <v>49</v>
      </c>
      <c r="U21" s="1">
        <v>6.9</v>
      </c>
      <c r="V21" s="1"/>
      <c r="W21" s="1"/>
      <c r="X21" s="1">
        <v>2.9</v>
      </c>
      <c r="Y21" s="1">
        <v>0.3</v>
      </c>
      <c r="Z21" s="1"/>
      <c r="AA21" s="1" t="s">
        <v>723</v>
      </c>
      <c r="AB21" s="1" t="s">
        <v>723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2700</v>
      </c>
      <c r="BP21" s="1">
        <v>17000</v>
      </c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63</v>
      </c>
      <c r="B22" s="2">
        <v>0.41319444444444442</v>
      </c>
      <c r="C22" s="1" t="s">
        <v>663</v>
      </c>
      <c r="D22" s="1" t="s">
        <v>51</v>
      </c>
      <c r="E22" s="1" t="s">
        <v>28</v>
      </c>
      <c r="F22" s="1" t="s">
        <v>302</v>
      </c>
      <c r="G22" s="1" t="s">
        <v>303</v>
      </c>
      <c r="H22" s="1" t="s">
        <v>249</v>
      </c>
      <c r="I22" s="1" t="s">
        <v>304</v>
      </c>
      <c r="J22" s="1" t="s">
        <v>238</v>
      </c>
      <c r="K22" s="1" t="s">
        <v>305</v>
      </c>
      <c r="L22" s="1" t="s">
        <v>34</v>
      </c>
      <c r="N22" s="1" t="s">
        <v>35</v>
      </c>
      <c r="O22" s="1" t="s">
        <v>36</v>
      </c>
      <c r="P22" s="1" t="s">
        <v>37</v>
      </c>
      <c r="Q22" s="1" t="s">
        <v>58</v>
      </c>
      <c r="R22" s="1" t="s">
        <v>215</v>
      </c>
      <c r="S22" s="1" t="s">
        <v>306</v>
      </c>
      <c r="T22" s="1" t="s">
        <v>49</v>
      </c>
      <c r="U22" s="1">
        <v>7.6</v>
      </c>
      <c r="V22" s="3">
        <v>17</v>
      </c>
      <c r="W22" s="1"/>
      <c r="X22" s="1">
        <v>1.3</v>
      </c>
      <c r="Y22" s="1">
        <v>7.2999999999999995E-2</v>
      </c>
      <c r="Z22" s="1">
        <v>1.7999999999999999E-2</v>
      </c>
      <c r="AA22" s="1" t="s">
        <v>723</v>
      </c>
      <c r="AB22" s="1" t="s">
        <v>738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5</v>
      </c>
      <c r="BC22" s="1">
        <v>0.85</v>
      </c>
      <c r="BD22" s="1">
        <v>0.9</v>
      </c>
      <c r="BE22" s="1"/>
      <c r="BF22" s="1"/>
      <c r="BG22" s="1"/>
      <c r="BH22" s="1"/>
      <c r="BI22" s="1"/>
      <c r="BJ22" s="1"/>
      <c r="BK22" s="1"/>
      <c r="BL22" s="1"/>
      <c r="BM22" s="1">
        <v>0.19</v>
      </c>
      <c r="BN22" s="1">
        <v>5.3999999999999999E-2</v>
      </c>
      <c r="BO22" s="1">
        <v>4400</v>
      </c>
      <c r="BP22" s="1">
        <v>2600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5347222222222221</v>
      </c>
      <c r="C23" s="1" t="s">
        <v>663</v>
      </c>
      <c r="D23" s="1" t="s">
        <v>51</v>
      </c>
      <c r="E23" s="1" t="s">
        <v>28</v>
      </c>
      <c r="F23" s="1" t="s">
        <v>186</v>
      </c>
      <c r="G23" s="1" t="s">
        <v>307</v>
      </c>
      <c r="H23" s="1" t="s">
        <v>294</v>
      </c>
      <c r="I23" s="1" t="s">
        <v>308</v>
      </c>
      <c r="J23" s="1" t="s">
        <v>256</v>
      </c>
      <c r="K23" s="1" t="s">
        <v>257</v>
      </c>
      <c r="L23" s="1" t="s">
        <v>34</v>
      </c>
      <c r="N23" s="1" t="s">
        <v>35</v>
      </c>
      <c r="O23" s="1" t="s">
        <v>36</v>
      </c>
      <c r="P23" s="1" t="s">
        <v>37</v>
      </c>
      <c r="Q23" s="1" t="s">
        <v>38</v>
      </c>
      <c r="R23" s="1" t="s">
        <v>142</v>
      </c>
      <c r="S23" s="1" t="s">
        <v>78</v>
      </c>
      <c r="T23" s="1" t="s">
        <v>41</v>
      </c>
      <c r="U23" s="1">
        <v>7.9</v>
      </c>
      <c r="V23" s="1"/>
      <c r="W23" s="1"/>
      <c r="X23" s="1">
        <v>2</v>
      </c>
      <c r="Y23" s="1">
        <v>0.1</v>
      </c>
      <c r="Z23" s="1"/>
      <c r="AA23" s="1" t="s">
        <v>723</v>
      </c>
      <c r="AB23" s="1" t="s">
        <v>723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900</v>
      </c>
      <c r="BP23" s="1">
        <v>22000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72</v>
      </c>
      <c r="B24" s="2">
        <v>0.4201388888888889</v>
      </c>
      <c r="C24" s="1" t="s">
        <v>663</v>
      </c>
      <c r="D24" s="1" t="s">
        <v>51</v>
      </c>
      <c r="E24" s="1" t="s">
        <v>28</v>
      </c>
      <c r="F24" s="1" t="s">
        <v>76</v>
      </c>
      <c r="G24" s="1" t="s">
        <v>303</v>
      </c>
      <c r="H24" s="1" t="s">
        <v>96</v>
      </c>
      <c r="I24" s="1" t="s">
        <v>309</v>
      </c>
      <c r="J24" s="1" t="s">
        <v>310</v>
      </c>
      <c r="K24" s="1" t="s">
        <v>311</v>
      </c>
      <c r="L24" s="1" t="s">
        <v>34</v>
      </c>
      <c r="N24" s="1" t="s">
        <v>35</v>
      </c>
      <c r="O24" s="1" t="s">
        <v>36</v>
      </c>
      <c r="P24" s="1" t="s">
        <v>37</v>
      </c>
      <c r="Q24" s="1" t="s">
        <v>38</v>
      </c>
      <c r="R24" s="1" t="s">
        <v>267</v>
      </c>
      <c r="S24" s="1" t="s">
        <v>312</v>
      </c>
      <c r="T24" s="1" t="s">
        <v>69</v>
      </c>
      <c r="U24" s="1">
        <v>8.3000000000000007</v>
      </c>
      <c r="V24" s="3">
        <v>46</v>
      </c>
      <c r="W24" s="1" t="s">
        <v>682</v>
      </c>
      <c r="X24" s="1">
        <v>1.9</v>
      </c>
      <c r="Y24" s="1">
        <v>0.28999999999999998</v>
      </c>
      <c r="Z24" s="1">
        <v>8.0000000000000002E-3</v>
      </c>
      <c r="AA24" s="1" t="s">
        <v>728</v>
      </c>
      <c r="AB24" s="1" t="s">
        <v>731</v>
      </c>
      <c r="AC24" s="1" t="s">
        <v>683</v>
      </c>
      <c r="AD24" s="1" t="s">
        <v>684</v>
      </c>
      <c r="AE24" s="1" t="s">
        <v>685</v>
      </c>
      <c r="AF24" s="1" t="s">
        <v>686</v>
      </c>
      <c r="AG24" s="1" t="s">
        <v>685</v>
      </c>
      <c r="AH24" s="1" t="s">
        <v>687</v>
      </c>
      <c r="AI24" s="1"/>
      <c r="AJ24" s="1" t="s">
        <v>687</v>
      </c>
      <c r="AK24" s="1" t="s">
        <v>688</v>
      </c>
      <c r="AL24" s="1" t="s">
        <v>688</v>
      </c>
      <c r="AM24" s="1" t="s">
        <v>688</v>
      </c>
      <c r="AN24" s="1" t="s">
        <v>688</v>
      </c>
      <c r="AO24" s="1" t="s">
        <v>688</v>
      </c>
      <c r="AP24" t="s">
        <v>688</v>
      </c>
      <c r="AQ24" s="1" t="s">
        <v>688</v>
      </c>
      <c r="AR24" s="1" t="s">
        <v>688</v>
      </c>
      <c r="AS24" s="1" t="s">
        <v>688</v>
      </c>
      <c r="AT24" s="1" t="s">
        <v>696</v>
      </c>
      <c r="AU24" s="1"/>
      <c r="AV24" s="1"/>
      <c r="AW24" s="1"/>
      <c r="AX24" s="1" t="s">
        <v>688</v>
      </c>
      <c r="AY24" s="1" t="s">
        <v>695</v>
      </c>
      <c r="AZ24" s="1"/>
      <c r="BA24" s="1"/>
      <c r="BB24" s="1">
        <v>7.0000000000000007E-2</v>
      </c>
      <c r="BC24" s="1">
        <v>1.2</v>
      </c>
      <c r="BD24" s="1">
        <v>1.2</v>
      </c>
      <c r="BE24" s="1" t="s">
        <v>685</v>
      </c>
      <c r="BF24" s="1" t="s">
        <v>685</v>
      </c>
      <c r="BG24" s="1" t="s">
        <v>689</v>
      </c>
      <c r="BH24" s="1" t="s">
        <v>686</v>
      </c>
      <c r="BI24" s="1">
        <v>0.01</v>
      </c>
      <c r="BJ24" s="1" t="s">
        <v>686</v>
      </c>
      <c r="BK24" s="1"/>
      <c r="BL24" s="1" t="s">
        <v>701</v>
      </c>
      <c r="BM24" s="1">
        <v>0.28999999999999998</v>
      </c>
      <c r="BN24" s="1">
        <v>0.26</v>
      </c>
      <c r="BO24" s="1">
        <v>4000</v>
      </c>
      <c r="BP24" s="1">
        <v>24000</v>
      </c>
      <c r="BQ24" s="1"/>
      <c r="BR24" s="1" t="s">
        <v>702</v>
      </c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4305555555555547</v>
      </c>
      <c r="C25" s="1" t="s">
        <v>663</v>
      </c>
      <c r="D25" s="1" t="s">
        <v>51</v>
      </c>
      <c r="E25" s="1" t="s">
        <v>28</v>
      </c>
      <c r="F25" s="1" t="s">
        <v>313</v>
      </c>
      <c r="G25" s="1" t="s">
        <v>314</v>
      </c>
      <c r="H25" s="1" t="s">
        <v>288</v>
      </c>
      <c r="I25" s="1" t="s">
        <v>315</v>
      </c>
      <c r="J25" s="1" t="s">
        <v>205</v>
      </c>
      <c r="K25" s="1" t="s">
        <v>214</v>
      </c>
      <c r="L25" s="1" t="s">
        <v>34</v>
      </c>
      <c r="N25" s="1" t="s">
        <v>35</v>
      </c>
      <c r="O25" s="1" t="s">
        <v>36</v>
      </c>
      <c r="P25" s="1" t="s">
        <v>37</v>
      </c>
      <c r="Q25" s="1" t="s">
        <v>38</v>
      </c>
      <c r="R25" s="1" t="s">
        <v>316</v>
      </c>
      <c r="S25" s="1" t="s">
        <v>312</v>
      </c>
      <c r="T25" s="1" t="s">
        <v>69</v>
      </c>
      <c r="U25" s="1">
        <v>8.3000000000000007</v>
      </c>
      <c r="V25" s="1"/>
      <c r="W25" s="1" t="s">
        <v>682</v>
      </c>
      <c r="X25" s="1">
        <v>1.8</v>
      </c>
      <c r="Y25" s="1">
        <v>0.28000000000000003</v>
      </c>
      <c r="Z25" s="1"/>
      <c r="AA25" s="1" t="s">
        <v>723</v>
      </c>
      <c r="AB25" s="1" t="s">
        <v>723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4000</v>
      </c>
      <c r="BP25" s="1">
        <v>23000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80</v>
      </c>
      <c r="B26" s="2">
        <v>0.40625</v>
      </c>
      <c r="C26" s="1" t="s">
        <v>663</v>
      </c>
      <c r="D26" s="1" t="s">
        <v>42</v>
      </c>
      <c r="E26" s="1" t="s">
        <v>664</v>
      </c>
      <c r="F26" s="1" t="s">
        <v>317</v>
      </c>
      <c r="G26" s="1" t="s">
        <v>318</v>
      </c>
      <c r="H26" s="1" t="s">
        <v>107</v>
      </c>
      <c r="I26" s="1" t="s">
        <v>319</v>
      </c>
      <c r="J26" s="1" t="s">
        <v>197</v>
      </c>
      <c r="K26" s="1" t="s">
        <v>320</v>
      </c>
      <c r="L26" s="1" t="s">
        <v>34</v>
      </c>
      <c r="N26" s="1" t="s">
        <v>35</v>
      </c>
      <c r="O26" s="1" t="s">
        <v>36</v>
      </c>
      <c r="P26" s="1" t="s">
        <v>37</v>
      </c>
      <c r="Q26" s="1" t="s">
        <v>38</v>
      </c>
      <c r="R26" s="1" t="s">
        <v>129</v>
      </c>
      <c r="S26" s="1" t="s">
        <v>178</v>
      </c>
      <c r="T26" s="1" t="s">
        <v>41</v>
      </c>
      <c r="U26" s="1">
        <v>8</v>
      </c>
      <c r="V26" s="3">
        <v>22000</v>
      </c>
      <c r="W26" s="1"/>
      <c r="X26" s="1">
        <v>4.7</v>
      </c>
      <c r="Y26" s="1">
        <v>0.55000000000000004</v>
      </c>
      <c r="Z26" s="1">
        <v>1.9E-2</v>
      </c>
      <c r="AA26" s="1" t="s">
        <v>723</v>
      </c>
      <c r="AB26" s="1" t="s">
        <v>739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694</v>
      </c>
      <c r="AV26" s="1" t="s">
        <v>683</v>
      </c>
      <c r="AW26" s="1" t="s">
        <v>695</v>
      </c>
      <c r="AX26" s="1"/>
      <c r="AY26" s="1"/>
      <c r="AZ26" s="1"/>
      <c r="BA26" s="1"/>
      <c r="BB26" s="1">
        <v>0.28000000000000003</v>
      </c>
      <c r="BC26" s="1">
        <v>3.1</v>
      </c>
      <c r="BD26" s="1">
        <v>3.3</v>
      </c>
      <c r="BE26" s="1"/>
      <c r="BF26" s="1"/>
      <c r="BG26" s="1"/>
      <c r="BH26" s="1"/>
      <c r="BI26" s="1"/>
      <c r="BJ26" s="1"/>
      <c r="BK26" s="1" t="s">
        <v>694</v>
      </c>
      <c r="BL26" s="1"/>
      <c r="BM26" s="1">
        <v>0.38</v>
      </c>
      <c r="BN26" s="1">
        <v>0.49</v>
      </c>
      <c r="BO26" s="1">
        <v>1100</v>
      </c>
      <c r="BP26" s="1">
        <v>10000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3958333333333337</v>
      </c>
      <c r="C27" s="1" t="s">
        <v>663</v>
      </c>
      <c r="D27" s="1" t="s">
        <v>42</v>
      </c>
      <c r="E27" s="1" t="s">
        <v>664</v>
      </c>
      <c r="F27" s="1" t="s">
        <v>321</v>
      </c>
      <c r="G27" s="1" t="s">
        <v>322</v>
      </c>
      <c r="H27" s="1" t="s">
        <v>236</v>
      </c>
      <c r="I27" s="1" t="s">
        <v>323</v>
      </c>
      <c r="J27" s="1" t="s">
        <v>290</v>
      </c>
      <c r="K27" s="1" t="s">
        <v>291</v>
      </c>
      <c r="L27" s="1" t="s">
        <v>34</v>
      </c>
      <c r="N27" s="1" t="s">
        <v>35</v>
      </c>
      <c r="O27" s="1" t="s">
        <v>36</v>
      </c>
      <c r="P27" s="1" t="s">
        <v>37</v>
      </c>
      <c r="Q27" s="1" t="s">
        <v>121</v>
      </c>
      <c r="R27" s="1" t="s">
        <v>77</v>
      </c>
      <c r="S27" s="1" t="s">
        <v>324</v>
      </c>
      <c r="T27" s="1" t="s">
        <v>49</v>
      </c>
      <c r="U27" s="1">
        <v>7.9</v>
      </c>
      <c r="V27" s="1"/>
      <c r="W27" s="1"/>
      <c r="X27" s="1">
        <v>2.6</v>
      </c>
      <c r="Y27" s="1">
        <v>0.28999999999999998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400</v>
      </c>
      <c r="BP27" s="1">
        <v>15000</v>
      </c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3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67</v>
      </c>
      <c r="C1" s="1" t="s">
        <v>1</v>
      </c>
      <c r="D1" s="1" t="s">
        <v>706</v>
      </c>
      <c r="E1" s="1" t="s">
        <v>2</v>
      </c>
      <c r="F1" s="1" t="s">
        <v>668</v>
      </c>
      <c r="G1" s="1" t="s">
        <v>3</v>
      </c>
      <c r="H1" s="1" t="s">
        <v>65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56</v>
      </c>
      <c r="V2" s="1" t="s">
        <v>605</v>
      </c>
      <c r="W2" s="1" t="s">
        <v>679</v>
      </c>
      <c r="X2" s="1" t="s">
        <v>606</v>
      </c>
      <c r="Y2" s="1" t="s">
        <v>607</v>
      </c>
      <c r="Z2" s="1" t="s">
        <v>608</v>
      </c>
      <c r="AA2" s="1" t="s">
        <v>709</v>
      </c>
      <c r="AB2" s="1" t="s">
        <v>721</v>
      </c>
      <c r="AC2" s="1" t="s">
        <v>609</v>
      </c>
      <c r="AD2" s="1" t="s">
        <v>610</v>
      </c>
      <c r="AE2" s="1" t="s">
        <v>680</v>
      </c>
      <c r="AF2" s="1" t="s">
        <v>611</v>
      </c>
      <c r="AG2" s="1" t="s">
        <v>612</v>
      </c>
      <c r="AH2" s="1" t="s">
        <v>613</v>
      </c>
      <c r="AI2" s="1" t="s">
        <v>614</v>
      </c>
      <c r="AJ2" s="1" t="s">
        <v>615</v>
      </c>
      <c r="AK2" s="1" t="s">
        <v>616</v>
      </c>
      <c r="AL2" s="1" t="s">
        <v>617</v>
      </c>
      <c r="AM2" s="1" t="s">
        <v>618</v>
      </c>
      <c r="AN2" s="1" t="s">
        <v>619</v>
      </c>
      <c r="AO2" s="1" t="s">
        <v>620</v>
      </c>
      <c r="AP2" t="s">
        <v>704</v>
      </c>
      <c r="AQ2" s="1" t="s">
        <v>621</v>
      </c>
      <c r="AR2" s="1" t="s">
        <v>622</v>
      </c>
      <c r="AS2" s="1" t="s">
        <v>623</v>
      </c>
      <c r="AT2" s="1" t="s">
        <v>690</v>
      </c>
      <c r="AU2" s="1" t="s">
        <v>624</v>
      </c>
      <c r="AV2" s="1" t="s">
        <v>625</v>
      </c>
      <c r="AW2" s="1" t="s">
        <v>626</v>
      </c>
      <c r="AX2" s="1" t="s">
        <v>627</v>
      </c>
      <c r="AY2" s="1" t="s">
        <v>628</v>
      </c>
      <c r="AZ2" s="1" t="s">
        <v>629</v>
      </c>
      <c r="BA2" s="1" t="s">
        <v>630</v>
      </c>
      <c r="BB2" s="1" t="s">
        <v>631</v>
      </c>
      <c r="BC2" s="1" t="s">
        <v>632</v>
      </c>
      <c r="BD2" s="1" t="s">
        <v>633</v>
      </c>
      <c r="BE2" s="1" t="s">
        <v>716</v>
      </c>
      <c r="BF2" s="1" t="s">
        <v>634</v>
      </c>
      <c r="BG2" s="1" t="s">
        <v>691</v>
      </c>
      <c r="BH2" s="1" t="s">
        <v>692</v>
      </c>
      <c r="BI2" s="1" t="s">
        <v>635</v>
      </c>
      <c r="BJ2" s="1" t="s">
        <v>636</v>
      </c>
      <c r="BK2" s="1" t="s">
        <v>637</v>
      </c>
      <c r="BL2" s="1" t="s">
        <v>638</v>
      </c>
      <c r="BM2" s="1" t="s">
        <v>639</v>
      </c>
      <c r="BN2" s="1" t="s">
        <v>640</v>
      </c>
      <c r="BO2" s="1" t="s">
        <v>641</v>
      </c>
      <c r="BP2" s="1" t="s">
        <v>642</v>
      </c>
      <c r="BQ2" s="1" t="s">
        <v>643</v>
      </c>
      <c r="BR2" s="1" t="s">
        <v>644</v>
      </c>
      <c r="BS2" s="1" t="s">
        <v>645</v>
      </c>
      <c r="BT2" s="1" t="s">
        <v>646</v>
      </c>
      <c r="BU2" s="1" t="s">
        <v>647</v>
      </c>
      <c r="BV2" s="1" t="s">
        <v>648</v>
      </c>
      <c r="BW2" s="1" t="s">
        <v>649</v>
      </c>
      <c r="BX2" s="1" t="s">
        <v>650</v>
      </c>
      <c r="BY2" s="1" t="s">
        <v>651</v>
      </c>
      <c r="BZ2" s="1" t="s">
        <v>697</v>
      </c>
    </row>
    <row r="3" spans="1:78" x14ac:dyDescent="0.15">
      <c r="A3" s="1" t="s">
        <v>657</v>
      </c>
      <c r="B3" s="1" t="s">
        <v>658</v>
      </c>
      <c r="C3" s="1"/>
      <c r="D3" s="1"/>
      <c r="E3" s="1"/>
      <c r="F3" s="1" t="s">
        <v>659</v>
      </c>
      <c r="G3" s="1" t="s">
        <v>659</v>
      </c>
      <c r="H3" s="1" t="s">
        <v>660</v>
      </c>
      <c r="I3" s="1" t="s">
        <v>24</v>
      </c>
      <c r="J3" s="1" t="s">
        <v>661</v>
      </c>
      <c r="K3" s="1" t="s">
        <v>661</v>
      </c>
      <c r="L3" s="1" t="s">
        <v>662</v>
      </c>
      <c r="M3" s="1" t="s">
        <v>6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8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98</v>
      </c>
      <c r="BP3" s="1" t="s">
        <v>25</v>
      </c>
      <c r="BQ3" s="1" t="s">
        <v>699</v>
      </c>
      <c r="BR3" s="1" t="s">
        <v>25</v>
      </c>
      <c r="BS3" s="1" t="s">
        <v>25</v>
      </c>
      <c r="BT3" s="1" t="s">
        <v>7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6458333333333331</v>
      </c>
      <c r="C4" s="1" t="s">
        <v>663</v>
      </c>
      <c r="D4" s="1" t="s">
        <v>51</v>
      </c>
      <c r="E4" s="1" t="s">
        <v>28</v>
      </c>
      <c r="F4" s="1" t="s">
        <v>325</v>
      </c>
      <c r="G4" s="1" t="s">
        <v>326</v>
      </c>
      <c r="H4" s="1" t="s">
        <v>89</v>
      </c>
      <c r="I4" s="1" t="s">
        <v>327</v>
      </c>
      <c r="J4" s="1" t="s">
        <v>31</v>
      </c>
      <c r="K4" s="1" t="s">
        <v>328</v>
      </c>
      <c r="L4" s="1" t="s">
        <v>329</v>
      </c>
      <c r="N4" s="1" t="s">
        <v>35</v>
      </c>
      <c r="O4" s="1" t="s">
        <v>208</v>
      </c>
      <c r="P4" s="1" t="s">
        <v>37</v>
      </c>
      <c r="Q4" s="1" t="s">
        <v>58</v>
      </c>
      <c r="R4" s="1" t="s">
        <v>312</v>
      </c>
      <c r="S4" s="1" t="s">
        <v>330</v>
      </c>
      <c r="T4" s="1" t="s">
        <v>331</v>
      </c>
      <c r="U4" s="1">
        <v>10</v>
      </c>
      <c r="V4" s="3">
        <v>49000</v>
      </c>
      <c r="W4" s="1"/>
      <c r="X4" s="1">
        <v>2.2999999999999998</v>
      </c>
      <c r="Y4" s="1">
        <v>0.18</v>
      </c>
      <c r="Z4" s="1">
        <v>1.6E-2</v>
      </c>
      <c r="AA4" s="1" t="s">
        <v>723</v>
      </c>
      <c r="AB4" s="1" t="s">
        <v>733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>
        <v>0.12</v>
      </c>
      <c r="BA4" s="1">
        <v>0.14000000000000001</v>
      </c>
      <c r="BB4" s="1">
        <v>0.09</v>
      </c>
      <c r="BC4" s="1">
        <v>1.7</v>
      </c>
      <c r="BD4" s="1">
        <v>1.7</v>
      </c>
      <c r="BE4" s="1"/>
      <c r="BF4" s="1"/>
      <c r="BG4" s="1"/>
      <c r="BH4" s="1"/>
      <c r="BI4" s="1"/>
      <c r="BJ4" s="1"/>
      <c r="BK4" s="1"/>
      <c r="BL4" s="1"/>
      <c r="BM4" s="1">
        <v>0.13</v>
      </c>
      <c r="BN4" s="1">
        <v>0.13</v>
      </c>
      <c r="BO4" s="1">
        <v>69</v>
      </c>
      <c r="BP4" s="1">
        <v>51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9791666666666663</v>
      </c>
      <c r="C5" s="1" t="s">
        <v>663</v>
      </c>
      <c r="D5" s="1" t="s">
        <v>42</v>
      </c>
      <c r="E5" s="1" t="s">
        <v>28</v>
      </c>
      <c r="F5" s="1" t="s">
        <v>159</v>
      </c>
      <c r="G5" s="1" t="s">
        <v>332</v>
      </c>
      <c r="H5" s="1" t="s">
        <v>333</v>
      </c>
      <c r="I5" s="1" t="s">
        <v>33</v>
      </c>
      <c r="J5" s="1" t="s">
        <v>89</v>
      </c>
      <c r="K5" s="1" t="s">
        <v>167</v>
      </c>
      <c r="L5" s="1" t="s">
        <v>334</v>
      </c>
      <c r="N5" s="1" t="s">
        <v>35</v>
      </c>
      <c r="O5" s="1" t="s">
        <v>208</v>
      </c>
      <c r="P5" s="1" t="s">
        <v>37</v>
      </c>
      <c r="Q5" s="1" t="s">
        <v>209</v>
      </c>
      <c r="R5" s="1" t="s">
        <v>231</v>
      </c>
      <c r="S5" s="1" t="s">
        <v>169</v>
      </c>
      <c r="T5" s="1" t="s">
        <v>194</v>
      </c>
      <c r="U5" s="1">
        <v>11.7</v>
      </c>
      <c r="V5" s="1"/>
      <c r="W5" s="1"/>
      <c r="X5" s="1">
        <v>2.2999999999999998</v>
      </c>
      <c r="Y5" s="1">
        <v>0.2</v>
      </c>
      <c r="Z5" s="1"/>
      <c r="AA5" s="1" t="s">
        <v>723</v>
      </c>
      <c r="AB5" s="1" t="s">
        <v>723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71</v>
      </c>
      <c r="BP5" s="1">
        <v>99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0</v>
      </c>
      <c r="B6" s="2">
        <v>0.37152777777777773</v>
      </c>
      <c r="C6" s="1" t="s">
        <v>663</v>
      </c>
      <c r="D6" s="1" t="s">
        <v>51</v>
      </c>
      <c r="E6" s="1" t="s">
        <v>28</v>
      </c>
      <c r="F6" s="1" t="s">
        <v>335</v>
      </c>
      <c r="G6" s="1" t="s">
        <v>336</v>
      </c>
      <c r="H6" s="1" t="s">
        <v>333</v>
      </c>
      <c r="I6" s="1" t="s">
        <v>337</v>
      </c>
      <c r="J6" s="1" t="s">
        <v>89</v>
      </c>
      <c r="K6" s="1" t="s">
        <v>167</v>
      </c>
      <c r="L6" s="1" t="s">
        <v>338</v>
      </c>
      <c r="N6" s="1" t="s">
        <v>35</v>
      </c>
      <c r="O6" s="1" t="s">
        <v>208</v>
      </c>
      <c r="P6" s="1" t="s">
        <v>37</v>
      </c>
      <c r="Q6" s="1" t="s">
        <v>100</v>
      </c>
      <c r="R6" s="1" t="s">
        <v>85</v>
      </c>
      <c r="S6" s="1" t="s">
        <v>286</v>
      </c>
      <c r="T6" s="1" t="s">
        <v>103</v>
      </c>
      <c r="U6" s="1">
        <v>8.4</v>
      </c>
      <c r="V6" s="3">
        <v>33000</v>
      </c>
      <c r="W6" s="1"/>
      <c r="X6" s="1">
        <v>1.8</v>
      </c>
      <c r="Y6" s="1">
        <v>0.12</v>
      </c>
      <c r="Z6" s="1">
        <v>5.0000000000000001E-3</v>
      </c>
      <c r="AA6" s="1" t="s">
        <v>723</v>
      </c>
      <c r="AB6" s="1" t="s">
        <v>740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693</v>
      </c>
      <c r="BC6" s="1">
        <v>1.6</v>
      </c>
      <c r="BD6" s="1">
        <v>1.6</v>
      </c>
      <c r="BE6" s="1"/>
      <c r="BF6" s="1"/>
      <c r="BG6" s="1"/>
      <c r="BH6" s="1"/>
      <c r="BI6" s="1"/>
      <c r="BJ6" s="1"/>
      <c r="BK6" s="1"/>
      <c r="BL6" s="1"/>
      <c r="BM6" s="1">
        <v>0.04</v>
      </c>
      <c r="BN6" s="1">
        <v>9.9000000000000005E-2</v>
      </c>
      <c r="BO6" s="1">
        <v>1400</v>
      </c>
      <c r="BP6" s="1">
        <v>510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69444444444444453</v>
      </c>
      <c r="C7" s="1" t="s">
        <v>663</v>
      </c>
      <c r="D7" s="1" t="s">
        <v>42</v>
      </c>
      <c r="E7" s="1" t="s">
        <v>28</v>
      </c>
      <c r="F7" s="1" t="s">
        <v>80</v>
      </c>
      <c r="G7" s="1" t="s">
        <v>339</v>
      </c>
      <c r="H7" s="1" t="s">
        <v>236</v>
      </c>
      <c r="I7" s="1" t="s">
        <v>224</v>
      </c>
      <c r="J7" s="1" t="s">
        <v>340</v>
      </c>
      <c r="K7" s="1" t="s">
        <v>189</v>
      </c>
      <c r="L7" s="1" t="s">
        <v>341</v>
      </c>
      <c r="N7" s="1" t="s">
        <v>35</v>
      </c>
      <c r="O7" s="1" t="s">
        <v>208</v>
      </c>
      <c r="P7" s="1" t="s">
        <v>37</v>
      </c>
      <c r="Q7" s="1" t="s">
        <v>342</v>
      </c>
      <c r="R7" s="1" t="s">
        <v>215</v>
      </c>
      <c r="S7" s="1" t="s">
        <v>343</v>
      </c>
      <c r="T7" s="1" t="s">
        <v>210</v>
      </c>
      <c r="U7" s="1">
        <v>8.8000000000000007</v>
      </c>
      <c r="V7" s="1"/>
      <c r="W7" s="1"/>
      <c r="X7" s="1">
        <v>1.8</v>
      </c>
      <c r="Y7" s="1">
        <v>0.16</v>
      </c>
      <c r="Z7" s="1"/>
      <c r="AA7" s="1" t="s">
        <v>723</v>
      </c>
      <c r="AB7" s="1" t="s">
        <v>723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71</v>
      </c>
      <c r="BP7" s="1">
        <v>150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0</v>
      </c>
      <c r="B8" s="2">
        <v>0.36805555555555558</v>
      </c>
      <c r="C8" s="1" t="s">
        <v>663</v>
      </c>
      <c r="D8" s="1" t="s">
        <v>51</v>
      </c>
      <c r="E8" s="1" t="s">
        <v>664</v>
      </c>
      <c r="F8" s="1" t="s">
        <v>344</v>
      </c>
      <c r="G8" s="1" t="s">
        <v>345</v>
      </c>
      <c r="H8" s="1" t="s">
        <v>294</v>
      </c>
      <c r="I8" s="1" t="s">
        <v>261</v>
      </c>
      <c r="J8" s="1" t="s">
        <v>203</v>
      </c>
      <c r="K8" s="1" t="s">
        <v>346</v>
      </c>
      <c r="L8" s="1" t="s">
        <v>347</v>
      </c>
      <c r="N8" s="1" t="s">
        <v>35</v>
      </c>
      <c r="O8" s="1" t="s">
        <v>208</v>
      </c>
      <c r="P8" s="1" t="s">
        <v>37</v>
      </c>
      <c r="Q8" s="1" t="s">
        <v>58</v>
      </c>
      <c r="R8" s="1" t="s">
        <v>220</v>
      </c>
      <c r="S8" s="1" t="s">
        <v>286</v>
      </c>
      <c r="T8" s="1" t="s">
        <v>233</v>
      </c>
      <c r="U8" s="1">
        <v>9.1999999999999993</v>
      </c>
      <c r="V8" s="3">
        <v>4900</v>
      </c>
      <c r="W8" s="1"/>
      <c r="X8" s="1">
        <v>1.8</v>
      </c>
      <c r="Y8" s="1">
        <v>0.19</v>
      </c>
      <c r="Z8" s="1">
        <v>1.2E-2</v>
      </c>
      <c r="AA8" s="1" t="s">
        <v>723</v>
      </c>
      <c r="AB8" s="1" t="s">
        <v>724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>
        <v>0.15</v>
      </c>
      <c r="BA8" s="1">
        <v>0.13</v>
      </c>
      <c r="BB8" s="1">
        <v>0.05</v>
      </c>
      <c r="BC8" s="1">
        <v>1.6</v>
      </c>
      <c r="BD8" s="1">
        <v>1.6</v>
      </c>
      <c r="BE8" s="1"/>
      <c r="BF8" s="1"/>
      <c r="BG8" s="1"/>
      <c r="BH8" s="1"/>
      <c r="BI8" s="1"/>
      <c r="BJ8" s="1"/>
      <c r="BK8" s="1"/>
      <c r="BL8" s="1"/>
      <c r="BM8" s="1" t="s">
        <v>700</v>
      </c>
      <c r="BN8" s="1">
        <v>0.17</v>
      </c>
      <c r="BO8" s="1">
        <v>66</v>
      </c>
      <c r="BP8" s="1">
        <v>92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9444444444444453</v>
      </c>
      <c r="C9" s="1" t="s">
        <v>663</v>
      </c>
      <c r="D9" s="1" t="s">
        <v>51</v>
      </c>
      <c r="E9" s="1" t="s">
        <v>664</v>
      </c>
      <c r="F9" s="1" t="s">
        <v>348</v>
      </c>
      <c r="G9" s="1" t="s">
        <v>227</v>
      </c>
      <c r="H9" s="1" t="s">
        <v>333</v>
      </c>
      <c r="I9" s="1" t="s">
        <v>73</v>
      </c>
      <c r="J9" s="1" t="s">
        <v>107</v>
      </c>
      <c r="K9" s="1" t="s">
        <v>349</v>
      </c>
      <c r="L9" s="1" t="s">
        <v>350</v>
      </c>
      <c r="N9" s="1" t="s">
        <v>35</v>
      </c>
      <c r="O9" s="1" t="s">
        <v>208</v>
      </c>
      <c r="P9" s="1" t="s">
        <v>37</v>
      </c>
      <c r="Q9" s="1" t="s">
        <v>67</v>
      </c>
      <c r="R9" s="1" t="s">
        <v>59</v>
      </c>
      <c r="S9" s="1" t="s">
        <v>114</v>
      </c>
      <c r="T9" s="1" t="s">
        <v>210</v>
      </c>
      <c r="U9" s="1">
        <v>9.3000000000000007</v>
      </c>
      <c r="V9" s="1"/>
      <c r="W9" s="1"/>
      <c r="X9" s="1">
        <v>1.9</v>
      </c>
      <c r="Y9" s="1">
        <v>0.23</v>
      </c>
      <c r="Z9" s="1"/>
      <c r="AA9" s="1" t="s">
        <v>723</v>
      </c>
      <c r="AB9" s="1" t="s">
        <v>723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67</v>
      </c>
      <c r="BP9" s="1">
        <v>110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6</v>
      </c>
      <c r="B10" s="2">
        <v>0.37152777777777773</v>
      </c>
      <c r="C10" s="1" t="s">
        <v>663</v>
      </c>
      <c r="D10" s="1" t="s">
        <v>51</v>
      </c>
      <c r="E10" s="1" t="s">
        <v>28</v>
      </c>
      <c r="F10" s="1" t="s">
        <v>351</v>
      </c>
      <c r="G10" s="1" t="s">
        <v>352</v>
      </c>
      <c r="H10" s="1" t="s">
        <v>89</v>
      </c>
      <c r="I10" s="1" t="s">
        <v>281</v>
      </c>
      <c r="J10" s="1" t="s">
        <v>353</v>
      </c>
      <c r="K10" s="1" t="s">
        <v>238</v>
      </c>
      <c r="L10" s="1" t="s">
        <v>354</v>
      </c>
      <c r="N10" s="1" t="s">
        <v>35</v>
      </c>
      <c r="O10" s="1" t="s">
        <v>208</v>
      </c>
      <c r="P10" s="1" t="s">
        <v>37</v>
      </c>
      <c r="Q10" s="1" t="s">
        <v>173</v>
      </c>
      <c r="R10" s="1" t="s">
        <v>142</v>
      </c>
      <c r="S10" s="1" t="s">
        <v>226</v>
      </c>
      <c r="T10" s="1" t="s">
        <v>61</v>
      </c>
      <c r="U10" s="1">
        <v>8.1999999999999993</v>
      </c>
      <c r="V10" s="3">
        <v>7900</v>
      </c>
      <c r="W10" s="1"/>
      <c r="X10" s="1">
        <v>1.8</v>
      </c>
      <c r="Y10" s="1">
        <v>0.14000000000000001</v>
      </c>
      <c r="Z10" s="1">
        <v>7.0000000000000001E-3</v>
      </c>
      <c r="AA10" s="1" t="s">
        <v>723</v>
      </c>
      <c r="AB10" s="1" t="s">
        <v>735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94</v>
      </c>
      <c r="AV10" s="1" t="s">
        <v>683</v>
      </c>
      <c r="AW10" s="1" t="s">
        <v>695</v>
      </c>
      <c r="AX10" s="1"/>
      <c r="AY10" s="1"/>
      <c r="AZ10" s="1"/>
      <c r="BA10" s="1"/>
      <c r="BB10" s="1">
        <v>0.05</v>
      </c>
      <c r="BC10" s="1">
        <v>1.4</v>
      </c>
      <c r="BD10" s="1">
        <v>1.4</v>
      </c>
      <c r="BE10" s="1"/>
      <c r="BF10" s="1"/>
      <c r="BG10" s="1"/>
      <c r="BH10" s="1"/>
      <c r="BI10" s="1"/>
      <c r="BJ10" s="1"/>
      <c r="BK10" s="1" t="s">
        <v>694</v>
      </c>
      <c r="BL10" s="1"/>
      <c r="BM10" s="1" t="s">
        <v>700</v>
      </c>
      <c r="BN10" s="1">
        <v>0.12</v>
      </c>
      <c r="BO10" s="1">
        <v>74</v>
      </c>
      <c r="BP10" s="1">
        <v>10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69444444444444453</v>
      </c>
      <c r="C11" s="1" t="s">
        <v>663</v>
      </c>
      <c r="D11" s="1" t="s">
        <v>51</v>
      </c>
      <c r="E11" s="1" t="s">
        <v>28</v>
      </c>
      <c r="F11" s="1" t="s">
        <v>211</v>
      </c>
      <c r="G11" s="1" t="s">
        <v>355</v>
      </c>
      <c r="H11" s="1" t="s">
        <v>333</v>
      </c>
      <c r="I11" s="1" t="s">
        <v>356</v>
      </c>
      <c r="J11" s="1" t="s">
        <v>31</v>
      </c>
      <c r="K11" s="1" t="s">
        <v>188</v>
      </c>
      <c r="L11" s="1" t="s">
        <v>357</v>
      </c>
      <c r="N11" s="1" t="s">
        <v>35</v>
      </c>
      <c r="O11" s="1" t="s">
        <v>208</v>
      </c>
      <c r="P11" s="1" t="s">
        <v>37</v>
      </c>
      <c r="Q11" s="1" t="s">
        <v>358</v>
      </c>
      <c r="R11" s="1" t="s">
        <v>93</v>
      </c>
      <c r="S11" s="1" t="s">
        <v>286</v>
      </c>
      <c r="T11" s="1" t="s">
        <v>359</v>
      </c>
      <c r="U11" s="1">
        <v>9.3000000000000007</v>
      </c>
      <c r="V11" s="1"/>
      <c r="W11" s="1"/>
      <c r="X11" s="1">
        <v>1.6</v>
      </c>
      <c r="Y11" s="1">
        <v>0.14000000000000001</v>
      </c>
      <c r="Z11" s="1"/>
      <c r="AA11" s="1" t="s">
        <v>723</v>
      </c>
      <c r="AB11" s="1" t="s">
        <v>723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73</v>
      </c>
      <c r="BP11" s="1">
        <v>11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4</v>
      </c>
      <c r="B12" s="2">
        <v>0.3611111111111111</v>
      </c>
      <c r="C12" s="1" t="s">
        <v>663</v>
      </c>
      <c r="D12" s="1" t="s">
        <v>51</v>
      </c>
      <c r="E12" s="1" t="s">
        <v>28</v>
      </c>
      <c r="F12" s="1" t="s">
        <v>360</v>
      </c>
      <c r="G12" s="1" t="s">
        <v>361</v>
      </c>
      <c r="H12" s="1" t="s">
        <v>333</v>
      </c>
      <c r="I12" s="1" t="s">
        <v>362</v>
      </c>
      <c r="J12" s="1" t="s">
        <v>363</v>
      </c>
      <c r="K12" s="1" t="s">
        <v>64</v>
      </c>
      <c r="L12" s="1" t="s">
        <v>364</v>
      </c>
      <c r="N12" s="1" t="s">
        <v>35</v>
      </c>
      <c r="O12" s="1" t="s">
        <v>208</v>
      </c>
      <c r="P12" s="1" t="s">
        <v>37</v>
      </c>
      <c r="Q12" s="1" t="s">
        <v>76</v>
      </c>
      <c r="R12" s="1" t="s">
        <v>316</v>
      </c>
      <c r="S12" s="1" t="s">
        <v>272</v>
      </c>
      <c r="T12" s="1" t="s">
        <v>147</v>
      </c>
      <c r="U12" s="1">
        <v>8</v>
      </c>
      <c r="V12" s="3">
        <v>33000</v>
      </c>
      <c r="W12" s="1" t="s">
        <v>682</v>
      </c>
      <c r="X12" s="1">
        <v>1.9</v>
      </c>
      <c r="Y12" s="1">
        <v>0.2</v>
      </c>
      <c r="Z12" s="1">
        <v>6.0000000000000001E-3</v>
      </c>
      <c r="AA12" s="1" t="s">
        <v>728</v>
      </c>
      <c r="AB12" s="1" t="s">
        <v>741</v>
      </c>
      <c r="AC12" s="1" t="s">
        <v>683</v>
      </c>
      <c r="AD12" s="1" t="s">
        <v>684</v>
      </c>
      <c r="AE12" s="1" t="s">
        <v>685</v>
      </c>
      <c r="AF12" s="1" t="s">
        <v>686</v>
      </c>
      <c r="AG12" s="1" t="s">
        <v>685</v>
      </c>
      <c r="AH12" s="1" t="s">
        <v>687</v>
      </c>
      <c r="AI12" s="1"/>
      <c r="AJ12" s="1" t="s">
        <v>687</v>
      </c>
      <c r="AK12" s="1" t="s">
        <v>688</v>
      </c>
      <c r="AL12" s="1" t="s">
        <v>688</v>
      </c>
      <c r="AM12" s="1" t="s">
        <v>688</v>
      </c>
      <c r="AN12" s="1" t="s">
        <v>688</v>
      </c>
      <c r="AO12" s="1" t="s">
        <v>688</v>
      </c>
      <c r="AP12" t="s">
        <v>688</v>
      </c>
      <c r="AQ12" s="1" t="s">
        <v>688</v>
      </c>
      <c r="AR12" s="1" t="s">
        <v>688</v>
      </c>
      <c r="AS12" s="1" t="s">
        <v>688</v>
      </c>
      <c r="AT12" s="1" t="s">
        <v>696</v>
      </c>
      <c r="AU12" s="1"/>
      <c r="AV12" s="1"/>
      <c r="AW12" s="1"/>
      <c r="AX12" s="1" t="s">
        <v>688</v>
      </c>
      <c r="AY12" s="1" t="s">
        <v>695</v>
      </c>
      <c r="AZ12" s="1">
        <v>0.2</v>
      </c>
      <c r="BA12" s="1">
        <v>0.25</v>
      </c>
      <c r="BB12" s="1" t="s">
        <v>693</v>
      </c>
      <c r="BC12" s="1">
        <v>1.8</v>
      </c>
      <c r="BD12" s="1">
        <v>1.8</v>
      </c>
      <c r="BE12" s="1" t="s">
        <v>685</v>
      </c>
      <c r="BF12" s="1" t="s">
        <v>685</v>
      </c>
      <c r="BG12" s="1" t="s">
        <v>689</v>
      </c>
      <c r="BH12" s="1">
        <v>0.04</v>
      </c>
      <c r="BI12" s="1" t="s">
        <v>689</v>
      </c>
      <c r="BJ12" s="1" t="s">
        <v>686</v>
      </c>
      <c r="BK12" s="1"/>
      <c r="BL12" s="1" t="s">
        <v>701</v>
      </c>
      <c r="BM12" s="1">
        <v>0.05</v>
      </c>
      <c r="BN12" s="1">
        <v>0.19</v>
      </c>
      <c r="BO12" s="1">
        <v>270</v>
      </c>
      <c r="BP12" s="1">
        <v>390</v>
      </c>
      <c r="BQ12" s="1"/>
      <c r="BR12" s="1">
        <v>0.03</v>
      </c>
      <c r="BS12" s="1" t="s">
        <v>685</v>
      </c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9791666666666663</v>
      </c>
      <c r="C13" s="1" t="s">
        <v>663</v>
      </c>
      <c r="D13" s="1" t="s">
        <v>51</v>
      </c>
      <c r="E13" s="1" t="s">
        <v>28</v>
      </c>
      <c r="F13" s="1" t="s">
        <v>365</v>
      </c>
      <c r="G13" s="1" t="s">
        <v>366</v>
      </c>
      <c r="H13" s="1" t="s">
        <v>217</v>
      </c>
      <c r="I13" s="1" t="s">
        <v>367</v>
      </c>
      <c r="J13" s="1" t="s">
        <v>236</v>
      </c>
      <c r="K13" s="1" t="s">
        <v>368</v>
      </c>
      <c r="L13" s="1" t="s">
        <v>369</v>
      </c>
      <c r="N13" s="1" t="s">
        <v>35</v>
      </c>
      <c r="O13" s="1" t="s">
        <v>208</v>
      </c>
      <c r="P13" s="1" t="s">
        <v>37</v>
      </c>
      <c r="Q13" s="1" t="s">
        <v>342</v>
      </c>
      <c r="R13" s="1" t="s">
        <v>39</v>
      </c>
      <c r="S13" s="1" t="s">
        <v>232</v>
      </c>
      <c r="T13" s="1" t="s">
        <v>370</v>
      </c>
      <c r="U13" s="1">
        <v>8.6</v>
      </c>
      <c r="V13" s="1"/>
      <c r="W13" s="1" t="s">
        <v>682</v>
      </c>
      <c r="X13" s="1">
        <v>2.1</v>
      </c>
      <c r="Y13" s="1">
        <v>0.24</v>
      </c>
      <c r="Z13" s="1"/>
      <c r="AA13" s="1" t="s">
        <v>723</v>
      </c>
      <c r="AB13" s="1" t="s">
        <v>723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84</v>
      </c>
      <c r="BP13" s="1">
        <v>160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6</v>
      </c>
      <c r="B14" s="2">
        <v>0.36805555555555558</v>
      </c>
      <c r="C14" s="1" t="s">
        <v>663</v>
      </c>
      <c r="D14" s="1" t="s">
        <v>42</v>
      </c>
      <c r="E14" s="1" t="s">
        <v>117</v>
      </c>
      <c r="F14" s="1" t="s">
        <v>273</v>
      </c>
      <c r="G14" s="1" t="s">
        <v>371</v>
      </c>
      <c r="H14" s="1" t="s">
        <v>333</v>
      </c>
      <c r="I14" s="1" t="s">
        <v>135</v>
      </c>
      <c r="J14" s="1" t="s">
        <v>333</v>
      </c>
      <c r="K14" s="1" t="s">
        <v>97</v>
      </c>
      <c r="L14" s="1" t="s">
        <v>372</v>
      </c>
      <c r="N14" s="1" t="s">
        <v>35</v>
      </c>
      <c r="O14" s="1" t="s">
        <v>208</v>
      </c>
      <c r="P14" s="1" t="s">
        <v>37</v>
      </c>
      <c r="Q14" s="1" t="s">
        <v>58</v>
      </c>
      <c r="R14" s="1" t="s">
        <v>316</v>
      </c>
      <c r="S14" s="1" t="s">
        <v>67</v>
      </c>
      <c r="T14" s="1" t="s">
        <v>373</v>
      </c>
      <c r="U14" s="1">
        <v>8.1</v>
      </c>
      <c r="V14" s="3">
        <v>140000</v>
      </c>
      <c r="W14" s="1"/>
      <c r="X14" s="1">
        <v>3.4</v>
      </c>
      <c r="Y14" s="1">
        <v>0.25</v>
      </c>
      <c r="Z14" s="1">
        <v>8.9999999999999993E-3</v>
      </c>
      <c r="AA14" s="1" t="s">
        <v>723</v>
      </c>
      <c r="AB14" s="1" t="s">
        <v>694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693</v>
      </c>
      <c r="BC14" s="1">
        <v>3.2</v>
      </c>
      <c r="BD14" s="1">
        <v>3.2</v>
      </c>
      <c r="BE14" s="1"/>
      <c r="BF14" s="1"/>
      <c r="BG14" s="1"/>
      <c r="BH14" s="1"/>
      <c r="BI14" s="1"/>
      <c r="BJ14" s="1"/>
      <c r="BK14" s="1"/>
      <c r="BL14" s="1"/>
      <c r="BM14" s="1">
        <v>0.13</v>
      </c>
      <c r="BN14" s="1">
        <v>0.24</v>
      </c>
      <c r="BO14" s="1">
        <v>1300</v>
      </c>
      <c r="BP14" s="1">
        <v>480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69791666666666663</v>
      </c>
      <c r="C15" s="1" t="s">
        <v>663</v>
      </c>
      <c r="D15" s="1" t="s">
        <v>42</v>
      </c>
      <c r="E15" s="1" t="s">
        <v>117</v>
      </c>
      <c r="F15" s="1" t="s">
        <v>335</v>
      </c>
      <c r="G15" s="1" t="s">
        <v>228</v>
      </c>
      <c r="H15" s="1" t="s">
        <v>203</v>
      </c>
      <c r="I15" s="1" t="s">
        <v>374</v>
      </c>
      <c r="J15" s="1" t="s">
        <v>188</v>
      </c>
      <c r="K15" s="1" t="s">
        <v>375</v>
      </c>
      <c r="L15" s="1" t="s">
        <v>334</v>
      </c>
      <c r="N15" s="1" t="s">
        <v>35</v>
      </c>
      <c r="O15" s="1" t="s">
        <v>208</v>
      </c>
      <c r="P15" s="1" t="s">
        <v>37</v>
      </c>
      <c r="Q15" s="1" t="s">
        <v>76</v>
      </c>
      <c r="R15" s="1" t="s">
        <v>316</v>
      </c>
      <c r="S15" s="1" t="s">
        <v>100</v>
      </c>
      <c r="T15" s="1" t="s">
        <v>376</v>
      </c>
      <c r="U15" s="1">
        <v>8.9</v>
      </c>
      <c r="V15" s="1"/>
      <c r="W15" s="1"/>
      <c r="X15" s="1">
        <v>4</v>
      </c>
      <c r="Y15" s="1">
        <v>0.24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20</v>
      </c>
      <c r="BP15" s="1">
        <v>300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1</v>
      </c>
      <c r="B16" s="2">
        <v>0.3611111111111111</v>
      </c>
      <c r="C16" s="1" t="s">
        <v>663</v>
      </c>
      <c r="D16" s="1" t="s">
        <v>42</v>
      </c>
      <c r="E16" s="1" t="s">
        <v>28</v>
      </c>
      <c r="F16" s="1" t="s">
        <v>63</v>
      </c>
      <c r="G16" s="1" t="s">
        <v>377</v>
      </c>
      <c r="H16" s="1" t="s">
        <v>328</v>
      </c>
      <c r="I16" s="1" t="s">
        <v>244</v>
      </c>
      <c r="J16" s="1" t="s">
        <v>31</v>
      </c>
      <c r="K16" s="1" t="s">
        <v>73</v>
      </c>
      <c r="L16" s="1" t="s">
        <v>378</v>
      </c>
      <c r="N16" s="1" t="s">
        <v>35</v>
      </c>
      <c r="O16" s="1" t="s">
        <v>208</v>
      </c>
      <c r="P16" s="1" t="s">
        <v>37</v>
      </c>
      <c r="Q16" s="1" t="s">
        <v>209</v>
      </c>
      <c r="R16" s="1" t="s">
        <v>85</v>
      </c>
      <c r="S16" s="1" t="s">
        <v>186</v>
      </c>
      <c r="T16" s="1" t="s">
        <v>359</v>
      </c>
      <c r="U16" s="1">
        <v>9.5</v>
      </c>
      <c r="V16" s="3">
        <v>33000</v>
      </c>
      <c r="W16" s="1"/>
      <c r="X16" s="1">
        <v>2.7</v>
      </c>
      <c r="Y16" s="1">
        <v>0.13</v>
      </c>
      <c r="Z16" s="1">
        <v>4.0000000000000001E-3</v>
      </c>
      <c r="AA16" s="1" t="s">
        <v>723</v>
      </c>
      <c r="AB16" s="1" t="s">
        <v>737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>
        <v>0.12</v>
      </c>
      <c r="BA16" s="1">
        <v>0.09</v>
      </c>
      <c r="BB16" s="1" t="s">
        <v>693</v>
      </c>
      <c r="BC16" s="1">
        <v>2.5</v>
      </c>
      <c r="BD16" s="1">
        <v>2.5</v>
      </c>
      <c r="BE16" s="1"/>
      <c r="BF16" s="1"/>
      <c r="BG16" s="1"/>
      <c r="BH16" s="1"/>
      <c r="BI16" s="1"/>
      <c r="BJ16" s="1"/>
      <c r="BK16" s="1"/>
      <c r="BL16" s="1"/>
      <c r="BM16" s="1" t="s">
        <v>700</v>
      </c>
      <c r="BN16" s="1">
        <v>0.12</v>
      </c>
      <c r="BO16" s="1">
        <v>65</v>
      </c>
      <c r="BP16" s="1">
        <v>78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9791666666666663</v>
      </c>
      <c r="C17" s="1" t="s">
        <v>663</v>
      </c>
      <c r="D17" s="1" t="s">
        <v>51</v>
      </c>
      <c r="E17" s="1" t="s">
        <v>28</v>
      </c>
      <c r="F17" s="1" t="s">
        <v>379</v>
      </c>
      <c r="G17" s="1" t="s">
        <v>138</v>
      </c>
      <c r="H17" s="1" t="s">
        <v>249</v>
      </c>
      <c r="I17" s="1" t="s">
        <v>380</v>
      </c>
      <c r="J17" s="1" t="s">
        <v>236</v>
      </c>
      <c r="K17" s="1" t="s">
        <v>381</v>
      </c>
      <c r="L17" s="1" t="s">
        <v>382</v>
      </c>
      <c r="N17" s="1" t="s">
        <v>35</v>
      </c>
      <c r="O17" s="1" t="s">
        <v>208</v>
      </c>
      <c r="P17" s="1" t="s">
        <v>37</v>
      </c>
      <c r="Q17" s="1" t="s">
        <v>173</v>
      </c>
      <c r="R17" s="1" t="s">
        <v>316</v>
      </c>
      <c r="S17" s="1" t="s">
        <v>268</v>
      </c>
      <c r="T17" s="1" t="s">
        <v>359</v>
      </c>
      <c r="U17" s="1">
        <v>9.1</v>
      </c>
      <c r="V17" s="1"/>
      <c r="W17" s="1"/>
      <c r="X17" s="1">
        <v>2.7</v>
      </c>
      <c r="Y17" s="1">
        <v>0.14000000000000001</v>
      </c>
      <c r="Z17" s="1"/>
      <c r="AA17" s="1" t="s">
        <v>723</v>
      </c>
      <c r="AB17" s="1" t="s">
        <v>723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63</v>
      </c>
      <c r="BP17" s="1">
        <v>81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3611111111111111</v>
      </c>
      <c r="C18" s="1" t="s">
        <v>663</v>
      </c>
      <c r="D18" s="1" t="s">
        <v>51</v>
      </c>
      <c r="E18" s="1" t="s">
        <v>117</v>
      </c>
      <c r="F18" s="1" t="s">
        <v>325</v>
      </c>
      <c r="G18" s="1" t="s">
        <v>332</v>
      </c>
      <c r="H18" s="1" t="s">
        <v>249</v>
      </c>
      <c r="I18" s="1" t="s">
        <v>91</v>
      </c>
      <c r="J18" s="1" t="s">
        <v>31</v>
      </c>
      <c r="K18" s="1" t="s">
        <v>383</v>
      </c>
      <c r="L18" s="1" t="s">
        <v>384</v>
      </c>
      <c r="N18" s="1" t="s">
        <v>35</v>
      </c>
      <c r="O18" s="1" t="s">
        <v>208</v>
      </c>
      <c r="P18" s="1" t="s">
        <v>37</v>
      </c>
      <c r="Q18" s="1" t="s">
        <v>38</v>
      </c>
      <c r="R18" s="1" t="s">
        <v>142</v>
      </c>
      <c r="S18" s="1" t="s">
        <v>296</v>
      </c>
      <c r="T18" s="1" t="s">
        <v>376</v>
      </c>
      <c r="U18" s="1">
        <v>8.5</v>
      </c>
      <c r="V18" s="3">
        <v>220000</v>
      </c>
      <c r="W18" s="1"/>
      <c r="X18" s="1">
        <v>2</v>
      </c>
      <c r="Y18" s="1">
        <v>0.17</v>
      </c>
      <c r="Z18" s="1">
        <v>8.9999999999999993E-3</v>
      </c>
      <c r="AA18" s="1" t="s">
        <v>723</v>
      </c>
      <c r="AB18" s="1" t="s">
        <v>742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693</v>
      </c>
      <c r="BC18" s="1">
        <v>1.6</v>
      </c>
      <c r="BD18" s="1">
        <v>1.6</v>
      </c>
      <c r="BE18" s="1"/>
      <c r="BF18" s="1"/>
      <c r="BG18" s="1"/>
      <c r="BH18" s="1"/>
      <c r="BI18" s="1"/>
      <c r="BJ18" s="1"/>
      <c r="BK18" s="1"/>
      <c r="BL18" s="1"/>
      <c r="BM18" s="1">
        <v>0.16</v>
      </c>
      <c r="BN18" s="1">
        <v>0.16</v>
      </c>
      <c r="BO18" s="1">
        <v>1600</v>
      </c>
      <c r="BP18" s="1">
        <v>72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69791666666666663</v>
      </c>
      <c r="C19" s="1" t="s">
        <v>663</v>
      </c>
      <c r="D19" s="1" t="s">
        <v>51</v>
      </c>
      <c r="E19" s="1" t="s">
        <v>117</v>
      </c>
      <c r="F19" s="1" t="s">
        <v>385</v>
      </c>
      <c r="G19" s="1" t="s">
        <v>386</v>
      </c>
      <c r="H19" s="1" t="s">
        <v>333</v>
      </c>
      <c r="I19" s="1" t="s">
        <v>387</v>
      </c>
      <c r="J19" s="1" t="s">
        <v>73</v>
      </c>
      <c r="K19" s="1" t="s">
        <v>388</v>
      </c>
      <c r="L19" s="1" t="s">
        <v>252</v>
      </c>
      <c r="N19" s="1" t="s">
        <v>35</v>
      </c>
      <c r="O19" s="1" t="s">
        <v>208</v>
      </c>
      <c r="P19" s="1" t="s">
        <v>37</v>
      </c>
      <c r="Q19" s="1" t="s">
        <v>100</v>
      </c>
      <c r="R19" s="1" t="s">
        <v>267</v>
      </c>
      <c r="S19" s="1" t="s">
        <v>389</v>
      </c>
      <c r="T19" s="1" t="s">
        <v>61</v>
      </c>
      <c r="U19" s="1">
        <v>9</v>
      </c>
      <c r="V19" s="1"/>
      <c r="W19" s="1"/>
      <c r="X19" s="1">
        <v>2.2000000000000002</v>
      </c>
      <c r="Y19" s="1">
        <v>0.22</v>
      </c>
      <c r="Z19" s="1"/>
      <c r="AA19" s="1" t="s">
        <v>723</v>
      </c>
      <c r="AB19" s="1" t="s">
        <v>723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300</v>
      </c>
      <c r="BP19" s="1">
        <v>7600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36805555555555558</v>
      </c>
      <c r="C20" s="1" t="s">
        <v>663</v>
      </c>
      <c r="D20" s="1" t="s">
        <v>51</v>
      </c>
      <c r="E20" s="1" t="s">
        <v>152</v>
      </c>
      <c r="F20" s="1" t="s">
        <v>325</v>
      </c>
      <c r="G20" s="1" t="s">
        <v>390</v>
      </c>
      <c r="H20" s="1" t="s">
        <v>31</v>
      </c>
      <c r="I20" s="1" t="s">
        <v>349</v>
      </c>
      <c r="J20" s="1" t="s">
        <v>31</v>
      </c>
      <c r="K20" s="1" t="s">
        <v>383</v>
      </c>
      <c r="L20" s="1" t="s">
        <v>391</v>
      </c>
      <c r="N20" s="1" t="s">
        <v>35</v>
      </c>
      <c r="O20" s="1" t="s">
        <v>208</v>
      </c>
      <c r="P20" s="1" t="s">
        <v>37</v>
      </c>
      <c r="Q20" s="1" t="s">
        <v>67</v>
      </c>
      <c r="R20" s="1" t="s">
        <v>215</v>
      </c>
      <c r="S20" s="1" t="s">
        <v>389</v>
      </c>
      <c r="T20" s="1" t="s">
        <v>376</v>
      </c>
      <c r="U20" s="1">
        <v>8.6</v>
      </c>
      <c r="V20" s="3">
        <v>110000</v>
      </c>
      <c r="W20" s="1"/>
      <c r="X20" s="1">
        <v>3</v>
      </c>
      <c r="Y20" s="1">
        <v>0.25</v>
      </c>
      <c r="Z20" s="1">
        <v>1.7999999999999999E-2</v>
      </c>
      <c r="AA20" s="1" t="s">
        <v>723</v>
      </c>
      <c r="AB20" s="1" t="s">
        <v>730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>
        <v>0.22</v>
      </c>
      <c r="BA20" s="1">
        <v>0.56999999999999995</v>
      </c>
      <c r="BB20" s="1">
        <v>0.09</v>
      </c>
      <c r="BC20" s="1">
        <v>2.4</v>
      </c>
      <c r="BD20" s="1">
        <v>2.4</v>
      </c>
      <c r="BE20" s="1"/>
      <c r="BF20" s="1"/>
      <c r="BG20" s="1"/>
      <c r="BH20" s="1"/>
      <c r="BI20" s="1"/>
      <c r="BJ20" s="1"/>
      <c r="BK20" s="1"/>
      <c r="BL20" s="1"/>
      <c r="BM20" s="1">
        <v>0.11</v>
      </c>
      <c r="BN20" s="1">
        <v>0.21</v>
      </c>
      <c r="BO20" s="1">
        <v>720</v>
      </c>
      <c r="BP20" s="1">
        <v>4100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0486111111111116</v>
      </c>
      <c r="C21" s="1" t="s">
        <v>663</v>
      </c>
      <c r="D21" s="1" t="s">
        <v>42</v>
      </c>
      <c r="E21" s="1" t="s">
        <v>152</v>
      </c>
      <c r="F21" s="1" t="s">
        <v>293</v>
      </c>
      <c r="G21" s="1" t="s">
        <v>332</v>
      </c>
      <c r="H21" s="1" t="s">
        <v>203</v>
      </c>
      <c r="I21" s="1" t="s">
        <v>263</v>
      </c>
      <c r="J21" s="1" t="s">
        <v>349</v>
      </c>
      <c r="K21" s="1" t="s">
        <v>392</v>
      </c>
      <c r="L21" s="1" t="s">
        <v>369</v>
      </c>
      <c r="N21" s="1" t="s">
        <v>35</v>
      </c>
      <c r="O21" s="1" t="s">
        <v>208</v>
      </c>
      <c r="P21" s="1" t="s">
        <v>37</v>
      </c>
      <c r="Q21" s="1" t="s">
        <v>100</v>
      </c>
      <c r="R21" s="1" t="s">
        <v>142</v>
      </c>
      <c r="S21" s="1" t="s">
        <v>186</v>
      </c>
      <c r="T21" s="1" t="s">
        <v>233</v>
      </c>
      <c r="U21" s="1">
        <v>7.7</v>
      </c>
      <c r="V21" s="1"/>
      <c r="W21" s="1"/>
      <c r="X21" s="1">
        <v>1.5</v>
      </c>
      <c r="Y21" s="1">
        <v>0.16</v>
      </c>
      <c r="Z21" s="1"/>
      <c r="AA21" s="1" t="s">
        <v>723</v>
      </c>
      <c r="AB21" s="1" t="s">
        <v>723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200</v>
      </c>
      <c r="BP21" s="1">
        <v>19000</v>
      </c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63</v>
      </c>
      <c r="B22" s="2">
        <v>0.36805555555555558</v>
      </c>
      <c r="C22" s="1" t="s">
        <v>663</v>
      </c>
      <c r="D22" s="1" t="s">
        <v>51</v>
      </c>
      <c r="E22" s="1" t="s">
        <v>28</v>
      </c>
      <c r="F22" s="1" t="s">
        <v>393</v>
      </c>
      <c r="G22" s="1" t="s">
        <v>394</v>
      </c>
      <c r="H22" s="1" t="s">
        <v>340</v>
      </c>
      <c r="I22" s="1" t="s">
        <v>395</v>
      </c>
      <c r="J22" s="1" t="s">
        <v>363</v>
      </c>
      <c r="K22" s="1" t="s">
        <v>256</v>
      </c>
      <c r="L22" s="1" t="s">
        <v>382</v>
      </c>
      <c r="N22" s="1" t="s">
        <v>35</v>
      </c>
      <c r="O22" s="1" t="s">
        <v>208</v>
      </c>
      <c r="P22" s="1" t="s">
        <v>37</v>
      </c>
      <c r="Q22" s="1" t="s">
        <v>38</v>
      </c>
      <c r="R22" s="1" t="s">
        <v>48</v>
      </c>
      <c r="S22" s="1" t="s">
        <v>130</v>
      </c>
      <c r="T22" s="1" t="s">
        <v>359</v>
      </c>
      <c r="U22" s="1">
        <v>8.4</v>
      </c>
      <c r="V22" s="3">
        <v>17000</v>
      </c>
      <c r="W22" s="1"/>
      <c r="X22" s="1">
        <v>2.8</v>
      </c>
      <c r="Y22" s="1">
        <v>0.13</v>
      </c>
      <c r="Z22" s="1">
        <v>1.2999999999999999E-2</v>
      </c>
      <c r="AA22" s="1" t="s">
        <v>723</v>
      </c>
      <c r="AB22" s="1" t="s">
        <v>743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5</v>
      </c>
      <c r="BC22" s="1">
        <v>2.4</v>
      </c>
      <c r="BD22" s="1">
        <v>2.4</v>
      </c>
      <c r="BE22" s="1"/>
      <c r="BF22" s="1"/>
      <c r="BG22" s="1"/>
      <c r="BH22" s="1"/>
      <c r="BI22" s="1"/>
      <c r="BJ22" s="1"/>
      <c r="BK22" s="1"/>
      <c r="BL22" s="1"/>
      <c r="BM22" s="1">
        <v>0.18</v>
      </c>
      <c r="BN22" s="1">
        <v>0.11</v>
      </c>
      <c r="BO22" s="1">
        <v>2600</v>
      </c>
      <c r="BP22" s="1">
        <v>1600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69791666666666663</v>
      </c>
      <c r="C23" s="1" t="s">
        <v>663</v>
      </c>
      <c r="D23" s="1" t="s">
        <v>51</v>
      </c>
      <c r="E23" s="1" t="s">
        <v>28</v>
      </c>
      <c r="F23" s="1" t="s">
        <v>343</v>
      </c>
      <c r="G23" s="1" t="s">
        <v>67</v>
      </c>
      <c r="H23" s="1" t="s">
        <v>333</v>
      </c>
      <c r="I23" s="1" t="s">
        <v>388</v>
      </c>
      <c r="J23" s="1" t="s">
        <v>349</v>
      </c>
      <c r="K23" s="1" t="s">
        <v>392</v>
      </c>
      <c r="L23" s="1" t="s">
        <v>396</v>
      </c>
      <c r="N23" s="1" t="s">
        <v>35</v>
      </c>
      <c r="O23" s="1" t="s">
        <v>208</v>
      </c>
      <c r="P23" s="1" t="s">
        <v>37</v>
      </c>
      <c r="Q23" s="1" t="s">
        <v>100</v>
      </c>
      <c r="R23" s="1" t="s">
        <v>231</v>
      </c>
      <c r="S23" s="1" t="s">
        <v>397</v>
      </c>
      <c r="T23" s="1" t="s">
        <v>103</v>
      </c>
      <c r="U23" s="1">
        <v>10.7</v>
      </c>
      <c r="V23" s="1"/>
      <c r="W23" s="1"/>
      <c r="X23" s="1">
        <v>2.5</v>
      </c>
      <c r="Y23" s="1">
        <v>0.19</v>
      </c>
      <c r="Z23" s="1"/>
      <c r="AA23" s="1" t="s">
        <v>723</v>
      </c>
      <c r="AB23" s="1" t="s">
        <v>723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900</v>
      </c>
      <c r="BP23" s="1">
        <v>12000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72</v>
      </c>
      <c r="B24" s="2">
        <v>0.36805555555555558</v>
      </c>
      <c r="C24" s="1" t="s">
        <v>663</v>
      </c>
      <c r="D24" s="1" t="s">
        <v>51</v>
      </c>
      <c r="E24" s="1" t="s">
        <v>28</v>
      </c>
      <c r="F24" s="1" t="s">
        <v>121</v>
      </c>
      <c r="G24" s="1" t="s">
        <v>209</v>
      </c>
      <c r="H24" s="1" t="s">
        <v>288</v>
      </c>
      <c r="I24" s="1" t="s">
        <v>398</v>
      </c>
      <c r="J24" s="1" t="s">
        <v>349</v>
      </c>
      <c r="K24" s="1" t="s">
        <v>399</v>
      </c>
      <c r="L24" s="1" t="s">
        <v>207</v>
      </c>
      <c r="N24" s="1" t="s">
        <v>35</v>
      </c>
      <c r="O24" s="1" t="s">
        <v>36</v>
      </c>
      <c r="P24" s="1" t="s">
        <v>37</v>
      </c>
      <c r="Q24" s="1" t="s">
        <v>58</v>
      </c>
      <c r="R24" s="1" t="s">
        <v>77</v>
      </c>
      <c r="S24" s="1" t="s">
        <v>268</v>
      </c>
      <c r="T24" s="1" t="s">
        <v>123</v>
      </c>
      <c r="U24" s="1">
        <v>9.4</v>
      </c>
      <c r="V24" s="3">
        <v>14000</v>
      </c>
      <c r="W24" s="1" t="s">
        <v>682</v>
      </c>
      <c r="X24" s="1">
        <v>2.7</v>
      </c>
      <c r="Y24" s="1">
        <v>0.17</v>
      </c>
      <c r="Z24" s="1">
        <v>8.0000000000000002E-3</v>
      </c>
      <c r="AA24" s="1" t="s">
        <v>728</v>
      </c>
      <c r="AB24" s="1" t="s">
        <v>694</v>
      </c>
      <c r="AC24" s="1" t="s">
        <v>683</v>
      </c>
      <c r="AD24" s="1" t="s">
        <v>684</v>
      </c>
      <c r="AE24" s="1" t="s">
        <v>685</v>
      </c>
      <c r="AF24" s="1" t="s">
        <v>686</v>
      </c>
      <c r="AG24" s="1" t="s">
        <v>685</v>
      </c>
      <c r="AH24" s="1" t="s">
        <v>687</v>
      </c>
      <c r="AI24" s="1"/>
      <c r="AJ24" s="1" t="s">
        <v>687</v>
      </c>
      <c r="AK24" s="1" t="s">
        <v>688</v>
      </c>
      <c r="AL24" s="1" t="s">
        <v>688</v>
      </c>
      <c r="AM24" s="1" t="s">
        <v>688</v>
      </c>
      <c r="AN24" s="1" t="s">
        <v>688</v>
      </c>
      <c r="AO24" s="1" t="s">
        <v>688</v>
      </c>
      <c r="AP24" t="s">
        <v>688</v>
      </c>
      <c r="AQ24" s="1" t="s">
        <v>688</v>
      </c>
      <c r="AR24" s="1" t="s">
        <v>688</v>
      </c>
      <c r="AS24" s="1" t="s">
        <v>688</v>
      </c>
      <c r="AT24" s="1" t="s">
        <v>696</v>
      </c>
      <c r="AU24" s="1"/>
      <c r="AV24" s="1"/>
      <c r="AW24" s="1"/>
      <c r="AX24" s="1" t="s">
        <v>688</v>
      </c>
      <c r="AY24" s="1" t="s">
        <v>695</v>
      </c>
      <c r="AZ24" s="1">
        <v>0.53</v>
      </c>
      <c r="BA24" s="1">
        <v>1.9</v>
      </c>
      <c r="BB24" s="1">
        <v>7.0000000000000007E-2</v>
      </c>
      <c r="BC24" s="1">
        <v>2</v>
      </c>
      <c r="BD24" s="1">
        <v>2</v>
      </c>
      <c r="BE24" s="1" t="s">
        <v>685</v>
      </c>
      <c r="BF24" s="1" t="s">
        <v>685</v>
      </c>
      <c r="BG24" s="1" t="s">
        <v>689</v>
      </c>
      <c r="BH24" s="1">
        <v>0.02</v>
      </c>
      <c r="BI24" s="1">
        <v>0.02</v>
      </c>
      <c r="BJ24" s="1" t="s">
        <v>686</v>
      </c>
      <c r="BK24" s="1"/>
      <c r="BL24" s="1" t="s">
        <v>701</v>
      </c>
      <c r="BM24" s="1">
        <v>0.26</v>
      </c>
      <c r="BN24" s="1">
        <v>0.14000000000000001</v>
      </c>
      <c r="BO24" s="1">
        <v>2200</v>
      </c>
      <c r="BP24" s="1">
        <v>12000</v>
      </c>
      <c r="BQ24" s="1"/>
      <c r="BR24" s="1" t="s">
        <v>702</v>
      </c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9791666666666663</v>
      </c>
      <c r="C25" s="1" t="s">
        <v>663</v>
      </c>
      <c r="D25" s="1" t="s">
        <v>51</v>
      </c>
      <c r="E25" s="1" t="s">
        <v>28</v>
      </c>
      <c r="F25" s="1" t="s">
        <v>209</v>
      </c>
      <c r="G25" s="1" t="s">
        <v>164</v>
      </c>
      <c r="H25" s="1" t="s">
        <v>333</v>
      </c>
      <c r="I25" s="1" t="s">
        <v>340</v>
      </c>
      <c r="J25" s="1" t="s">
        <v>96</v>
      </c>
      <c r="K25" s="1" t="s">
        <v>333</v>
      </c>
      <c r="L25" s="1" t="s">
        <v>400</v>
      </c>
      <c r="N25" s="1" t="s">
        <v>35</v>
      </c>
      <c r="O25" s="1" t="s">
        <v>208</v>
      </c>
      <c r="P25" s="1" t="s">
        <v>37</v>
      </c>
      <c r="Q25" s="1" t="s">
        <v>209</v>
      </c>
      <c r="R25" s="1" t="s">
        <v>102</v>
      </c>
      <c r="S25" s="1" t="s">
        <v>324</v>
      </c>
      <c r="T25" s="1" t="s">
        <v>233</v>
      </c>
      <c r="U25" s="1">
        <v>13.8</v>
      </c>
      <c r="V25" s="1"/>
      <c r="W25" s="1" t="s">
        <v>682</v>
      </c>
      <c r="X25" s="1">
        <v>2.9</v>
      </c>
      <c r="Y25" s="1">
        <v>0.28999999999999998</v>
      </c>
      <c r="Z25" s="1"/>
      <c r="AA25" s="1" t="s">
        <v>723</v>
      </c>
      <c r="AB25" s="1" t="s">
        <v>723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230</v>
      </c>
      <c r="BP25" s="1">
        <v>1200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80</v>
      </c>
      <c r="B26" s="2">
        <v>0.36805555555555558</v>
      </c>
      <c r="C26" s="1" t="s">
        <v>663</v>
      </c>
      <c r="D26" s="1" t="s">
        <v>42</v>
      </c>
      <c r="E26" s="1" t="s">
        <v>664</v>
      </c>
      <c r="F26" s="1" t="s">
        <v>401</v>
      </c>
      <c r="G26" s="1" t="s">
        <v>402</v>
      </c>
      <c r="H26" s="1" t="s">
        <v>31</v>
      </c>
      <c r="I26" s="1" t="s">
        <v>327</v>
      </c>
      <c r="J26" s="1" t="s">
        <v>203</v>
      </c>
      <c r="K26" s="1" t="s">
        <v>346</v>
      </c>
      <c r="L26" s="1" t="s">
        <v>396</v>
      </c>
      <c r="N26" s="1" t="s">
        <v>35</v>
      </c>
      <c r="O26" s="1" t="s">
        <v>208</v>
      </c>
      <c r="P26" s="1" t="s">
        <v>37</v>
      </c>
      <c r="Q26" s="1" t="s">
        <v>67</v>
      </c>
      <c r="R26" s="1" t="s">
        <v>162</v>
      </c>
      <c r="S26" s="1" t="s">
        <v>186</v>
      </c>
      <c r="T26" s="1" t="s">
        <v>210</v>
      </c>
      <c r="U26" s="1">
        <v>10.5</v>
      </c>
      <c r="V26" s="3">
        <v>330000</v>
      </c>
      <c r="W26" s="1"/>
      <c r="X26" s="1">
        <v>2.7</v>
      </c>
      <c r="Y26" s="1">
        <v>0.18</v>
      </c>
      <c r="Z26" s="1">
        <v>1.6E-2</v>
      </c>
      <c r="AA26" s="1" t="s">
        <v>723</v>
      </c>
      <c r="AB26" s="1" t="s">
        <v>744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694</v>
      </c>
      <c r="AV26" s="1" t="s">
        <v>683</v>
      </c>
      <c r="AW26" s="1" t="s">
        <v>695</v>
      </c>
      <c r="AX26" s="1"/>
      <c r="AY26" s="1"/>
      <c r="AZ26" s="1"/>
      <c r="BA26" s="1"/>
      <c r="BB26" s="1">
        <v>0.06</v>
      </c>
      <c r="BC26" s="1">
        <v>2.1</v>
      </c>
      <c r="BD26" s="1">
        <v>2.1</v>
      </c>
      <c r="BE26" s="1"/>
      <c r="BF26" s="1"/>
      <c r="BG26" s="1"/>
      <c r="BH26" s="1"/>
      <c r="BI26" s="1"/>
      <c r="BJ26" s="1"/>
      <c r="BK26" s="1" t="s">
        <v>694</v>
      </c>
      <c r="BL26" s="1"/>
      <c r="BM26" s="1">
        <v>0.09</v>
      </c>
      <c r="BN26" s="1">
        <v>0.15</v>
      </c>
      <c r="BO26" s="1">
        <v>170</v>
      </c>
      <c r="BP26" s="1">
        <v>3000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0138888888888884</v>
      </c>
      <c r="C27" s="1" t="s">
        <v>663</v>
      </c>
      <c r="D27" s="1" t="s">
        <v>42</v>
      </c>
      <c r="E27" s="1" t="s">
        <v>664</v>
      </c>
      <c r="F27" s="1" t="s">
        <v>403</v>
      </c>
      <c r="G27" s="1" t="s">
        <v>404</v>
      </c>
      <c r="H27" s="1" t="s">
        <v>340</v>
      </c>
      <c r="I27" s="1" t="s">
        <v>405</v>
      </c>
      <c r="J27" s="1" t="s">
        <v>328</v>
      </c>
      <c r="K27" s="1" t="s">
        <v>406</v>
      </c>
      <c r="L27" s="1" t="s">
        <v>407</v>
      </c>
      <c r="N27" s="1" t="s">
        <v>35</v>
      </c>
      <c r="O27" s="1" t="s">
        <v>208</v>
      </c>
      <c r="P27" s="1" t="s">
        <v>37</v>
      </c>
      <c r="Q27" s="1" t="s">
        <v>173</v>
      </c>
      <c r="R27" s="1" t="s">
        <v>129</v>
      </c>
      <c r="S27" s="1" t="s">
        <v>408</v>
      </c>
      <c r="T27" s="1" t="s">
        <v>409</v>
      </c>
      <c r="U27" s="1">
        <v>10.4</v>
      </c>
      <c r="V27" s="1"/>
      <c r="W27" s="1"/>
      <c r="X27" s="1">
        <v>2.5</v>
      </c>
      <c r="Y27" s="1">
        <v>0.19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760</v>
      </c>
      <c r="BP27" s="1">
        <v>3900</v>
      </c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4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69</v>
      </c>
      <c r="C1" s="1" t="s">
        <v>1</v>
      </c>
      <c r="D1" s="1" t="s">
        <v>670</v>
      </c>
      <c r="E1" s="1" t="s">
        <v>2</v>
      </c>
      <c r="F1" s="1" t="s">
        <v>668</v>
      </c>
      <c r="G1" s="1" t="s">
        <v>3</v>
      </c>
      <c r="H1" s="1" t="s">
        <v>67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56</v>
      </c>
      <c r="V2" s="1" t="s">
        <v>605</v>
      </c>
      <c r="W2" s="1" t="s">
        <v>679</v>
      </c>
      <c r="X2" s="1" t="s">
        <v>606</v>
      </c>
      <c r="Y2" s="1" t="s">
        <v>607</v>
      </c>
      <c r="Z2" s="1" t="s">
        <v>608</v>
      </c>
      <c r="AA2" s="1" t="s">
        <v>709</v>
      </c>
      <c r="AB2" s="1" t="s">
        <v>718</v>
      </c>
      <c r="AC2" s="1" t="s">
        <v>609</v>
      </c>
      <c r="AD2" s="1" t="s">
        <v>610</v>
      </c>
      <c r="AE2" s="1" t="s">
        <v>680</v>
      </c>
      <c r="AF2" s="1" t="s">
        <v>611</v>
      </c>
      <c r="AG2" s="1" t="s">
        <v>612</v>
      </c>
      <c r="AH2" s="1" t="s">
        <v>613</v>
      </c>
      <c r="AI2" s="1" t="s">
        <v>614</v>
      </c>
      <c r="AJ2" s="1" t="s">
        <v>615</v>
      </c>
      <c r="AK2" s="1" t="s">
        <v>616</v>
      </c>
      <c r="AL2" s="1" t="s">
        <v>617</v>
      </c>
      <c r="AM2" s="1" t="s">
        <v>618</v>
      </c>
      <c r="AN2" s="1" t="s">
        <v>619</v>
      </c>
      <c r="AO2" s="1" t="s">
        <v>620</v>
      </c>
      <c r="AP2" t="s">
        <v>704</v>
      </c>
      <c r="AQ2" s="1" t="s">
        <v>621</v>
      </c>
      <c r="AR2" s="1" t="s">
        <v>622</v>
      </c>
      <c r="AS2" s="1" t="s">
        <v>623</v>
      </c>
      <c r="AT2" s="1" t="s">
        <v>690</v>
      </c>
      <c r="AU2" s="1" t="s">
        <v>624</v>
      </c>
      <c r="AV2" s="1" t="s">
        <v>625</v>
      </c>
      <c r="AW2" s="1" t="s">
        <v>626</v>
      </c>
      <c r="AX2" s="1" t="s">
        <v>627</v>
      </c>
      <c r="AY2" s="1" t="s">
        <v>628</v>
      </c>
      <c r="AZ2" s="1" t="s">
        <v>629</v>
      </c>
      <c r="BA2" s="1" t="s">
        <v>630</v>
      </c>
      <c r="BB2" s="1" t="s">
        <v>631</v>
      </c>
      <c r="BC2" s="1" t="s">
        <v>632</v>
      </c>
      <c r="BD2" s="1" t="s">
        <v>633</v>
      </c>
      <c r="BE2" s="1" t="s">
        <v>714</v>
      </c>
      <c r="BF2" s="1" t="s">
        <v>634</v>
      </c>
      <c r="BG2" s="1" t="s">
        <v>691</v>
      </c>
      <c r="BH2" s="1" t="s">
        <v>692</v>
      </c>
      <c r="BI2" s="1" t="s">
        <v>635</v>
      </c>
      <c r="BJ2" s="1" t="s">
        <v>636</v>
      </c>
      <c r="BK2" s="1" t="s">
        <v>637</v>
      </c>
      <c r="BL2" s="1" t="s">
        <v>638</v>
      </c>
      <c r="BM2" s="1" t="s">
        <v>639</v>
      </c>
      <c r="BN2" s="1" t="s">
        <v>640</v>
      </c>
      <c r="BO2" s="1" t="s">
        <v>641</v>
      </c>
      <c r="BP2" s="1" t="s">
        <v>642</v>
      </c>
      <c r="BQ2" s="1" t="s">
        <v>643</v>
      </c>
      <c r="BR2" s="1" t="s">
        <v>644</v>
      </c>
      <c r="BS2" s="1" t="s">
        <v>645</v>
      </c>
      <c r="BT2" s="1" t="s">
        <v>646</v>
      </c>
      <c r="BU2" s="1" t="s">
        <v>647</v>
      </c>
      <c r="BV2" s="1" t="s">
        <v>648</v>
      </c>
      <c r="BW2" s="1" t="s">
        <v>649</v>
      </c>
      <c r="BX2" s="1" t="s">
        <v>650</v>
      </c>
      <c r="BY2" s="1" t="s">
        <v>651</v>
      </c>
      <c r="BZ2" s="1" t="s">
        <v>697</v>
      </c>
    </row>
    <row r="3" spans="1:78" x14ac:dyDescent="0.15">
      <c r="A3" s="1" t="s">
        <v>657</v>
      </c>
      <c r="B3" s="1" t="s">
        <v>658</v>
      </c>
      <c r="C3" s="1"/>
      <c r="D3" s="1"/>
      <c r="E3" s="1"/>
      <c r="F3" s="1" t="s">
        <v>659</v>
      </c>
      <c r="G3" s="1" t="s">
        <v>659</v>
      </c>
      <c r="H3" s="1" t="s">
        <v>660</v>
      </c>
      <c r="I3" s="1" t="s">
        <v>24</v>
      </c>
      <c r="J3" s="1" t="s">
        <v>661</v>
      </c>
      <c r="K3" s="1" t="s">
        <v>661</v>
      </c>
      <c r="L3" s="1" t="s">
        <v>662</v>
      </c>
      <c r="M3" s="1" t="s">
        <v>6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8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98</v>
      </c>
      <c r="BP3" s="1" t="s">
        <v>25</v>
      </c>
      <c r="BQ3" s="1" t="s">
        <v>699</v>
      </c>
      <c r="BR3" s="1" t="s">
        <v>25</v>
      </c>
      <c r="BS3" s="1" t="s">
        <v>25</v>
      </c>
      <c r="BT3" s="1" t="s">
        <v>7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3333333333333331</v>
      </c>
      <c r="C4" s="1" t="s">
        <v>663</v>
      </c>
      <c r="D4" s="1" t="s">
        <v>42</v>
      </c>
      <c r="E4" s="1" t="s">
        <v>28</v>
      </c>
      <c r="F4" s="1" t="s">
        <v>410</v>
      </c>
      <c r="G4" s="1" t="s">
        <v>411</v>
      </c>
      <c r="H4" s="1" t="s">
        <v>54</v>
      </c>
      <c r="I4" s="1" t="s">
        <v>31</v>
      </c>
      <c r="J4" s="1" t="s">
        <v>412</v>
      </c>
      <c r="K4" s="1" t="s">
        <v>374</v>
      </c>
      <c r="L4" s="1" t="s">
        <v>34</v>
      </c>
      <c r="N4" s="1" t="s">
        <v>35</v>
      </c>
      <c r="O4" s="1" t="s">
        <v>413</v>
      </c>
      <c r="P4" s="1" t="s">
        <v>414</v>
      </c>
      <c r="Q4" s="1" t="s">
        <v>165</v>
      </c>
      <c r="R4" s="1" t="s">
        <v>186</v>
      </c>
      <c r="S4" s="1" t="s">
        <v>165</v>
      </c>
      <c r="T4" s="1" t="s">
        <v>49</v>
      </c>
      <c r="U4" s="1">
        <v>6.3</v>
      </c>
      <c r="V4" s="3">
        <v>33000</v>
      </c>
      <c r="W4" s="1"/>
      <c r="X4" s="1">
        <v>2.9</v>
      </c>
      <c r="Y4" s="1">
        <v>0.6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14000000000000001</v>
      </c>
      <c r="BC4" s="1">
        <v>1.9</v>
      </c>
      <c r="BD4" s="1">
        <v>2</v>
      </c>
      <c r="BE4" s="1"/>
      <c r="BF4" s="1"/>
      <c r="BG4" s="1"/>
      <c r="BH4" s="1"/>
      <c r="BI4" s="1"/>
      <c r="BJ4" s="1"/>
      <c r="BK4" s="1"/>
      <c r="BL4" s="1"/>
      <c r="BM4" s="1">
        <v>0.51</v>
      </c>
      <c r="BN4" s="1">
        <v>0.55000000000000004</v>
      </c>
      <c r="BO4" s="1">
        <v>45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8611111111111101</v>
      </c>
      <c r="C5" s="1" t="s">
        <v>663</v>
      </c>
      <c r="D5" s="1" t="s">
        <v>415</v>
      </c>
      <c r="E5" s="1" t="s">
        <v>28</v>
      </c>
      <c r="F5" s="1" t="s">
        <v>416</v>
      </c>
      <c r="G5" s="1" t="s">
        <v>297</v>
      </c>
      <c r="H5" s="1" t="s">
        <v>96</v>
      </c>
      <c r="I5" s="1" t="s">
        <v>249</v>
      </c>
      <c r="J5" s="1" t="s">
        <v>412</v>
      </c>
      <c r="K5" s="1" t="s">
        <v>417</v>
      </c>
      <c r="L5" s="1" t="s">
        <v>34</v>
      </c>
      <c r="N5" s="1" t="s">
        <v>35</v>
      </c>
      <c r="O5" s="1" t="s">
        <v>418</v>
      </c>
      <c r="P5" s="1" t="s">
        <v>414</v>
      </c>
      <c r="Q5" s="1" t="s">
        <v>67</v>
      </c>
      <c r="R5" s="1" t="s">
        <v>146</v>
      </c>
      <c r="S5" s="1" t="s">
        <v>419</v>
      </c>
      <c r="U5" s="1">
        <v>10.7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3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0</v>
      </c>
      <c r="B6" s="2">
        <v>0.3347222222222222</v>
      </c>
      <c r="C6" s="1" t="s">
        <v>663</v>
      </c>
      <c r="D6" s="1" t="s">
        <v>415</v>
      </c>
      <c r="E6" s="1" t="s">
        <v>28</v>
      </c>
      <c r="F6" s="1" t="s">
        <v>421</v>
      </c>
      <c r="G6" s="1" t="s">
        <v>422</v>
      </c>
      <c r="H6" s="1" t="s">
        <v>203</v>
      </c>
      <c r="I6" s="1" t="s">
        <v>55</v>
      </c>
      <c r="J6" s="1" t="s">
        <v>412</v>
      </c>
      <c r="K6" s="1" t="s">
        <v>423</v>
      </c>
      <c r="L6" s="1" t="s">
        <v>34</v>
      </c>
      <c r="N6" s="1" t="s">
        <v>35</v>
      </c>
      <c r="O6" s="1" t="s">
        <v>413</v>
      </c>
      <c r="P6" s="1" t="s">
        <v>37</v>
      </c>
      <c r="Q6" s="1" t="s">
        <v>121</v>
      </c>
      <c r="R6" s="1" t="s">
        <v>424</v>
      </c>
      <c r="S6" s="1" t="s">
        <v>174</v>
      </c>
      <c r="U6" s="1">
        <v>8.9</v>
      </c>
      <c r="V6" s="1"/>
      <c r="W6" s="1"/>
      <c r="X6" s="1">
        <v>2.6</v>
      </c>
      <c r="Y6" s="1">
        <v>0.38</v>
      </c>
      <c r="Z6" s="1"/>
      <c r="AA6" s="1" t="s">
        <v>723</v>
      </c>
      <c r="AB6" s="1" t="s">
        <v>745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11</v>
      </c>
      <c r="BC6" s="1">
        <v>2</v>
      </c>
      <c r="BD6" s="1">
        <v>2.1</v>
      </c>
      <c r="BE6" s="1"/>
      <c r="BF6" s="1"/>
      <c r="BG6" s="1"/>
      <c r="BH6" s="1"/>
      <c r="BI6" s="1"/>
      <c r="BJ6" s="1"/>
      <c r="BK6" s="1"/>
      <c r="BL6" s="1"/>
      <c r="BM6" s="1">
        <v>0.33</v>
      </c>
      <c r="BN6" s="1">
        <v>0.35</v>
      </c>
      <c r="BO6" s="1">
        <v>160</v>
      </c>
      <c r="BP6" s="1">
        <v>39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75208333333333333</v>
      </c>
      <c r="C7" s="1" t="s">
        <v>663</v>
      </c>
      <c r="D7" s="1" t="s">
        <v>415</v>
      </c>
      <c r="E7" s="1" t="s">
        <v>28</v>
      </c>
      <c r="F7" s="1" t="s">
        <v>278</v>
      </c>
      <c r="G7" s="1" t="s">
        <v>425</v>
      </c>
      <c r="H7" s="1" t="s">
        <v>203</v>
      </c>
      <c r="I7" s="1" t="s">
        <v>327</v>
      </c>
      <c r="J7" s="1" t="s">
        <v>412</v>
      </c>
      <c r="K7" s="1" t="s">
        <v>374</v>
      </c>
      <c r="L7" s="1" t="s">
        <v>34</v>
      </c>
      <c r="N7" s="1" t="s">
        <v>35</v>
      </c>
      <c r="O7" s="1" t="s">
        <v>413</v>
      </c>
      <c r="P7" s="1" t="s">
        <v>426</v>
      </c>
      <c r="Q7" s="1" t="s">
        <v>67</v>
      </c>
      <c r="R7" s="1" t="s">
        <v>93</v>
      </c>
      <c r="S7" s="1" t="s">
        <v>174</v>
      </c>
      <c r="U7" s="1">
        <v>9.5</v>
      </c>
      <c r="V7" s="1"/>
      <c r="W7" s="1"/>
      <c r="X7" s="1"/>
      <c r="Y7" s="1"/>
      <c r="Z7" s="1"/>
      <c r="AA7" s="1" t="s">
        <v>723</v>
      </c>
      <c r="AB7" s="1" t="s">
        <v>723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78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27</v>
      </c>
      <c r="B8" s="2">
        <v>0.3347222222222222</v>
      </c>
      <c r="C8" s="1" t="s">
        <v>663</v>
      </c>
      <c r="D8" s="1" t="s">
        <v>51</v>
      </c>
      <c r="E8" s="1" t="s">
        <v>28</v>
      </c>
      <c r="F8" s="1" t="s">
        <v>425</v>
      </c>
      <c r="G8" s="1" t="s">
        <v>138</v>
      </c>
      <c r="H8" s="1" t="s">
        <v>54</v>
      </c>
      <c r="I8" s="1" t="s">
        <v>428</v>
      </c>
      <c r="J8" s="1" t="s">
        <v>412</v>
      </c>
      <c r="K8" s="1" t="s">
        <v>429</v>
      </c>
      <c r="L8" s="1" t="s">
        <v>34</v>
      </c>
      <c r="N8" s="1" t="s">
        <v>35</v>
      </c>
      <c r="O8" s="1" t="s">
        <v>413</v>
      </c>
      <c r="P8" s="1" t="s">
        <v>426</v>
      </c>
      <c r="Q8" s="1" t="s">
        <v>58</v>
      </c>
      <c r="R8" s="1" t="s">
        <v>424</v>
      </c>
      <c r="S8" s="1" t="s">
        <v>430</v>
      </c>
      <c r="T8" s="1" t="s">
        <v>277</v>
      </c>
      <c r="U8" s="1">
        <v>9.5</v>
      </c>
      <c r="V8" s="3">
        <v>7900</v>
      </c>
      <c r="W8" s="1"/>
      <c r="X8" s="1">
        <v>2.7</v>
      </c>
      <c r="Y8" s="1">
        <v>0.54</v>
      </c>
      <c r="Z8" s="1"/>
      <c r="AA8" s="1" t="s">
        <v>723</v>
      </c>
      <c r="AB8" s="1" t="s">
        <v>723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16</v>
      </c>
      <c r="BC8" s="1">
        <v>1.5</v>
      </c>
      <c r="BD8" s="1">
        <v>1.6</v>
      </c>
      <c r="BE8" s="1"/>
      <c r="BF8" s="1"/>
      <c r="BG8" s="1"/>
      <c r="BH8" s="1"/>
      <c r="BI8" s="1"/>
      <c r="BJ8" s="1"/>
      <c r="BK8" s="1"/>
      <c r="BL8" s="1"/>
      <c r="BM8" s="1">
        <v>0.28999999999999998</v>
      </c>
      <c r="BN8" s="1">
        <v>0.53</v>
      </c>
      <c r="BO8" s="1">
        <v>11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5138888888888899</v>
      </c>
      <c r="C9" s="1" t="s">
        <v>663</v>
      </c>
      <c r="D9" s="1" t="s">
        <v>51</v>
      </c>
      <c r="E9" s="1" t="s">
        <v>28</v>
      </c>
      <c r="F9" s="1" t="s">
        <v>132</v>
      </c>
      <c r="G9" s="1" t="s">
        <v>431</v>
      </c>
      <c r="H9" s="1" t="s">
        <v>96</v>
      </c>
      <c r="I9" s="1" t="s">
        <v>31</v>
      </c>
      <c r="J9" s="1" t="s">
        <v>412</v>
      </c>
      <c r="K9" s="1" t="s">
        <v>432</v>
      </c>
      <c r="L9" s="1" t="s">
        <v>34</v>
      </c>
      <c r="N9" s="1" t="s">
        <v>35</v>
      </c>
      <c r="O9" s="1" t="s">
        <v>413</v>
      </c>
      <c r="P9" s="1" t="s">
        <v>426</v>
      </c>
      <c r="Q9" s="1" t="s">
        <v>84</v>
      </c>
      <c r="R9" s="1" t="s">
        <v>93</v>
      </c>
      <c r="S9" s="1" t="s">
        <v>433</v>
      </c>
      <c r="U9" s="1">
        <v>11.2</v>
      </c>
      <c r="V9" s="1"/>
      <c r="W9" s="1"/>
      <c r="X9" s="1"/>
      <c r="Y9" s="1"/>
      <c r="Z9" s="1"/>
      <c r="AA9" s="1" t="s">
        <v>723</v>
      </c>
      <c r="AB9" s="1" t="s">
        <v>723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66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6</v>
      </c>
      <c r="B10" s="2">
        <v>0.33333333333333331</v>
      </c>
      <c r="C10" s="1" t="s">
        <v>663</v>
      </c>
      <c r="D10" s="1" t="s">
        <v>42</v>
      </c>
      <c r="E10" s="1" t="s">
        <v>28</v>
      </c>
      <c r="F10" s="1" t="s">
        <v>348</v>
      </c>
      <c r="G10" s="1" t="s">
        <v>88</v>
      </c>
      <c r="H10" s="1" t="s">
        <v>89</v>
      </c>
      <c r="I10" s="1" t="s">
        <v>434</v>
      </c>
      <c r="J10" s="1" t="s">
        <v>412</v>
      </c>
      <c r="K10" s="1" t="s">
        <v>435</v>
      </c>
      <c r="L10" s="1" t="s">
        <v>34</v>
      </c>
      <c r="N10" s="1" t="s">
        <v>35</v>
      </c>
      <c r="O10" s="1" t="s">
        <v>413</v>
      </c>
      <c r="P10" s="1" t="s">
        <v>37</v>
      </c>
      <c r="Q10" s="1" t="s">
        <v>38</v>
      </c>
      <c r="R10" s="1" t="s">
        <v>171</v>
      </c>
      <c r="S10" s="1" t="s">
        <v>268</v>
      </c>
      <c r="U10" s="1">
        <v>6</v>
      </c>
      <c r="V10" s="1"/>
      <c r="W10" s="1"/>
      <c r="X10" s="1">
        <v>2.2000000000000002</v>
      </c>
      <c r="Y10" s="1">
        <v>0.47</v>
      </c>
      <c r="Z10" s="1"/>
      <c r="AA10" s="1" t="s">
        <v>723</v>
      </c>
      <c r="AB10" s="1" t="s">
        <v>723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87</v>
      </c>
      <c r="AV10" s="1" t="s">
        <v>683</v>
      </c>
      <c r="AW10" s="1" t="s">
        <v>683</v>
      </c>
      <c r="AX10" s="1"/>
      <c r="AY10" s="1"/>
      <c r="AZ10" s="1"/>
      <c r="BA10" s="1"/>
      <c r="BB10" s="1">
        <v>0.15</v>
      </c>
      <c r="BC10" s="1">
        <v>1.6</v>
      </c>
      <c r="BD10" s="1">
        <v>1.7</v>
      </c>
      <c r="BE10" s="1"/>
      <c r="BF10" s="1"/>
      <c r="BG10" s="1"/>
      <c r="BH10" s="1"/>
      <c r="BI10" s="1"/>
      <c r="BJ10" s="1"/>
      <c r="BK10" s="1" t="s">
        <v>687</v>
      </c>
      <c r="BL10" s="1"/>
      <c r="BM10" s="1">
        <v>0.19</v>
      </c>
      <c r="BN10" s="1">
        <v>0.44</v>
      </c>
      <c r="BO10" s="1">
        <v>110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1388888888888891</v>
      </c>
      <c r="C11" s="1" t="s">
        <v>663</v>
      </c>
      <c r="D11" s="1" t="s">
        <v>51</v>
      </c>
      <c r="E11" s="1" t="s">
        <v>28</v>
      </c>
      <c r="F11" s="1" t="s">
        <v>235</v>
      </c>
      <c r="G11" s="1" t="s">
        <v>234</v>
      </c>
      <c r="H11" s="1" t="s">
        <v>236</v>
      </c>
      <c r="I11" s="1" t="s">
        <v>82</v>
      </c>
      <c r="J11" s="1" t="s">
        <v>412</v>
      </c>
      <c r="K11" s="1" t="s">
        <v>436</v>
      </c>
      <c r="L11" s="1" t="s">
        <v>34</v>
      </c>
      <c r="N11" s="1" t="s">
        <v>35</v>
      </c>
      <c r="O11" s="1" t="s">
        <v>413</v>
      </c>
      <c r="P11" s="1" t="s">
        <v>37</v>
      </c>
      <c r="Q11" s="1" t="s">
        <v>84</v>
      </c>
      <c r="R11" s="1" t="s">
        <v>77</v>
      </c>
      <c r="S11" s="1" t="s">
        <v>272</v>
      </c>
      <c r="U11" s="1">
        <v>11.4</v>
      </c>
      <c r="V11" s="1"/>
      <c r="W11" s="1"/>
      <c r="X11" s="1"/>
      <c r="Y11" s="1"/>
      <c r="Z11" s="1"/>
      <c r="AA11" s="1" t="s">
        <v>723</v>
      </c>
      <c r="AB11" s="1" t="s">
        <v>723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4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37</v>
      </c>
      <c r="B12" s="2">
        <v>0.33680555555555558</v>
      </c>
      <c r="C12" s="1" t="s">
        <v>663</v>
      </c>
      <c r="D12" s="1" t="s">
        <v>27</v>
      </c>
      <c r="E12" s="1" t="s">
        <v>28</v>
      </c>
      <c r="F12" s="1" t="s">
        <v>438</v>
      </c>
      <c r="G12" s="1" t="s">
        <v>439</v>
      </c>
      <c r="H12" s="1" t="s">
        <v>203</v>
      </c>
      <c r="I12" s="1" t="s">
        <v>440</v>
      </c>
      <c r="J12" s="1" t="s">
        <v>249</v>
      </c>
      <c r="K12" s="1" t="s">
        <v>441</v>
      </c>
      <c r="L12" s="1" t="s">
        <v>34</v>
      </c>
      <c r="N12" s="1" t="s">
        <v>35</v>
      </c>
      <c r="O12" s="1" t="s">
        <v>413</v>
      </c>
      <c r="P12" s="1" t="s">
        <v>426</v>
      </c>
      <c r="Q12" s="1" t="s">
        <v>100</v>
      </c>
      <c r="R12" s="1" t="s">
        <v>129</v>
      </c>
      <c r="S12" s="1" t="s">
        <v>433</v>
      </c>
      <c r="T12" s="1" t="s">
        <v>49</v>
      </c>
      <c r="U12" s="1">
        <v>6.4</v>
      </c>
      <c r="V12" s="3">
        <v>24000</v>
      </c>
      <c r="W12" s="1" t="s">
        <v>682</v>
      </c>
      <c r="X12" s="1">
        <v>2.6</v>
      </c>
      <c r="Y12" s="1">
        <v>0.62</v>
      </c>
      <c r="Z12" s="1">
        <v>6.0000000000000001E-3</v>
      </c>
      <c r="AA12" s="1" t="s">
        <v>728</v>
      </c>
      <c r="AB12" s="1" t="s">
        <v>733</v>
      </c>
      <c r="AC12" s="1" t="s">
        <v>683</v>
      </c>
      <c r="AD12" s="1" t="s">
        <v>689</v>
      </c>
      <c r="AE12" s="1" t="s">
        <v>687</v>
      </c>
      <c r="AF12" s="1" t="s">
        <v>686</v>
      </c>
      <c r="AG12" s="1">
        <v>1.8E-3</v>
      </c>
      <c r="AH12" s="1" t="s">
        <v>687</v>
      </c>
      <c r="AI12" s="1"/>
      <c r="AJ12" s="1" t="s">
        <v>687</v>
      </c>
      <c r="AK12" s="1" t="s">
        <v>688</v>
      </c>
      <c r="AL12" s="1" t="s">
        <v>688</v>
      </c>
      <c r="AM12" s="1" t="s">
        <v>688</v>
      </c>
      <c r="AN12" s="1" t="s">
        <v>688</v>
      </c>
      <c r="AO12" s="1" t="s">
        <v>688</v>
      </c>
      <c r="AP12" t="s">
        <v>688</v>
      </c>
      <c r="AQ12" s="1" t="s">
        <v>688</v>
      </c>
      <c r="AR12" s="1" t="s">
        <v>688</v>
      </c>
      <c r="AS12" s="1" t="s">
        <v>688</v>
      </c>
      <c r="AT12" s="1" t="s">
        <v>696</v>
      </c>
      <c r="AU12" s="1"/>
      <c r="AV12" s="1"/>
      <c r="AW12" s="1"/>
      <c r="AX12" s="1" t="s">
        <v>688</v>
      </c>
      <c r="AY12" s="1" t="s">
        <v>687</v>
      </c>
      <c r="AZ12" s="1">
        <v>0.15</v>
      </c>
      <c r="BA12" s="1">
        <v>0.11</v>
      </c>
      <c r="BB12" s="1">
        <v>0.24</v>
      </c>
      <c r="BC12" s="1">
        <v>1.7</v>
      </c>
      <c r="BD12" s="1">
        <v>1.9</v>
      </c>
      <c r="BE12" s="1" t="s">
        <v>685</v>
      </c>
      <c r="BF12" s="1"/>
      <c r="BG12" s="1"/>
      <c r="BH12" s="1"/>
      <c r="BI12" s="1"/>
      <c r="BJ12" s="1"/>
      <c r="BK12" s="1"/>
      <c r="BL12" s="1"/>
      <c r="BM12" s="1">
        <v>0.3</v>
      </c>
      <c r="BN12" s="1">
        <v>0.62</v>
      </c>
      <c r="BO12" s="1">
        <v>71</v>
      </c>
      <c r="BP12" s="1">
        <v>10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0000000000000007</v>
      </c>
      <c r="C13" s="1" t="s">
        <v>663</v>
      </c>
      <c r="D13" s="1" t="s">
        <v>42</v>
      </c>
      <c r="E13" s="1" t="s">
        <v>28</v>
      </c>
      <c r="F13" s="1" t="s">
        <v>442</v>
      </c>
      <c r="G13" s="1" t="s">
        <v>443</v>
      </c>
      <c r="H13" s="1" t="s">
        <v>363</v>
      </c>
      <c r="I13" s="1" t="s">
        <v>444</v>
      </c>
      <c r="J13" s="1" t="s">
        <v>412</v>
      </c>
      <c r="K13" s="1" t="s">
        <v>445</v>
      </c>
      <c r="L13" s="1" t="s">
        <v>446</v>
      </c>
      <c r="N13" s="1" t="s">
        <v>35</v>
      </c>
      <c r="O13" s="1" t="s">
        <v>447</v>
      </c>
      <c r="P13" s="1" t="s">
        <v>37</v>
      </c>
      <c r="Q13" s="1" t="s">
        <v>76</v>
      </c>
      <c r="R13" s="1" t="s">
        <v>424</v>
      </c>
      <c r="S13" s="1" t="s">
        <v>448</v>
      </c>
      <c r="U13" s="1">
        <v>9.9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46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449</v>
      </c>
      <c r="B14" s="2">
        <v>0.33680555555555558</v>
      </c>
      <c r="C14" s="1" t="s">
        <v>663</v>
      </c>
      <c r="D14" s="1" t="s">
        <v>51</v>
      </c>
      <c r="E14" s="1" t="s">
        <v>664</v>
      </c>
      <c r="F14" s="1" t="s">
        <v>450</v>
      </c>
      <c r="G14" s="1" t="s">
        <v>345</v>
      </c>
      <c r="H14" s="1" t="s">
        <v>31</v>
      </c>
      <c r="I14" s="1" t="s">
        <v>451</v>
      </c>
      <c r="J14" s="1" t="s">
        <v>412</v>
      </c>
      <c r="K14" s="1" t="s">
        <v>374</v>
      </c>
      <c r="L14" s="1" t="s">
        <v>452</v>
      </c>
      <c r="N14" s="1" t="s">
        <v>35</v>
      </c>
      <c r="O14" s="1" t="s">
        <v>453</v>
      </c>
      <c r="P14" s="1" t="s">
        <v>37</v>
      </c>
      <c r="Q14" s="1" t="s">
        <v>121</v>
      </c>
      <c r="R14" s="1" t="s">
        <v>93</v>
      </c>
      <c r="S14" s="1" t="s">
        <v>454</v>
      </c>
      <c r="U14" s="1">
        <v>7.9</v>
      </c>
      <c r="V14" s="1"/>
      <c r="W14" s="1"/>
      <c r="X14" s="1">
        <v>2.9</v>
      </c>
      <c r="Y14" s="1">
        <v>0.3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4</v>
      </c>
      <c r="BC14" s="1">
        <v>2.2000000000000002</v>
      </c>
      <c r="BD14" s="1">
        <v>2.2000000000000002</v>
      </c>
      <c r="BE14" s="1"/>
      <c r="BF14" s="1"/>
      <c r="BG14" s="1"/>
      <c r="BH14" s="1"/>
      <c r="BI14" s="1"/>
      <c r="BJ14" s="1"/>
      <c r="BK14" s="1"/>
      <c r="BL14" s="1"/>
      <c r="BM14" s="1">
        <v>0.11</v>
      </c>
      <c r="BN14" s="1">
        <v>0.27</v>
      </c>
      <c r="BO14" s="1">
        <v>35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5</v>
      </c>
      <c r="C15" s="1" t="s">
        <v>663</v>
      </c>
      <c r="D15" s="1" t="s">
        <v>51</v>
      </c>
      <c r="E15" s="1" t="s">
        <v>664</v>
      </c>
      <c r="F15" s="1" t="s">
        <v>455</v>
      </c>
      <c r="G15" s="1" t="s">
        <v>456</v>
      </c>
      <c r="H15" s="1" t="s">
        <v>107</v>
      </c>
      <c r="I15" s="1" t="s">
        <v>451</v>
      </c>
      <c r="J15" s="1" t="s">
        <v>412</v>
      </c>
      <c r="K15" s="1" t="s">
        <v>457</v>
      </c>
      <c r="L15" s="1" t="s">
        <v>34</v>
      </c>
      <c r="N15" s="1" t="s">
        <v>35</v>
      </c>
      <c r="O15" s="1" t="s">
        <v>447</v>
      </c>
      <c r="P15" s="1" t="s">
        <v>426</v>
      </c>
      <c r="Q15" s="1" t="s">
        <v>100</v>
      </c>
      <c r="R15" s="1" t="s">
        <v>77</v>
      </c>
      <c r="S15" s="1" t="s">
        <v>114</v>
      </c>
      <c r="U15" s="1">
        <v>8.4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8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1</v>
      </c>
      <c r="B16" s="2">
        <v>0.33402777777777781</v>
      </c>
      <c r="C16" s="1" t="s">
        <v>663</v>
      </c>
      <c r="D16" s="1" t="s">
        <v>51</v>
      </c>
      <c r="E16" s="1" t="s">
        <v>28</v>
      </c>
      <c r="F16" s="1" t="s">
        <v>458</v>
      </c>
      <c r="G16" s="1" t="s">
        <v>144</v>
      </c>
      <c r="H16" s="1" t="s">
        <v>249</v>
      </c>
      <c r="I16" s="1" t="s">
        <v>337</v>
      </c>
      <c r="J16" s="1" t="s">
        <v>412</v>
      </c>
      <c r="K16" s="1" t="s">
        <v>459</v>
      </c>
      <c r="L16" s="1" t="s">
        <v>34</v>
      </c>
      <c r="N16" s="1" t="s">
        <v>35</v>
      </c>
      <c r="O16" s="1" t="s">
        <v>36</v>
      </c>
      <c r="P16" s="1" t="s">
        <v>37</v>
      </c>
      <c r="Q16" s="1" t="s">
        <v>121</v>
      </c>
      <c r="R16" s="1" t="s">
        <v>215</v>
      </c>
      <c r="S16" s="1" t="s">
        <v>460</v>
      </c>
      <c r="T16" s="1" t="s">
        <v>41</v>
      </c>
      <c r="U16" s="1">
        <v>9</v>
      </c>
      <c r="V16" s="3">
        <v>49000</v>
      </c>
      <c r="W16" s="1"/>
      <c r="X16" s="1">
        <v>2.7</v>
      </c>
      <c r="Y16" s="1">
        <v>0.23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4</v>
      </c>
      <c r="BC16" s="1">
        <v>2.2000000000000002</v>
      </c>
      <c r="BD16" s="1">
        <v>2.2000000000000002</v>
      </c>
      <c r="BE16" s="1"/>
      <c r="BF16" s="1" t="s">
        <v>685</v>
      </c>
      <c r="BG16" s="1">
        <v>2.3E-3</v>
      </c>
      <c r="BH16" s="1">
        <v>0.04</v>
      </c>
      <c r="BI16" s="1">
        <v>3.5000000000000001E-3</v>
      </c>
      <c r="BJ16" s="1" t="s">
        <v>685</v>
      </c>
      <c r="BK16" s="1"/>
      <c r="BL16" s="1" t="s">
        <v>703</v>
      </c>
      <c r="BM16" s="1">
        <v>0.14000000000000001</v>
      </c>
      <c r="BN16" s="1">
        <v>0.22</v>
      </c>
      <c r="BO16" s="1">
        <v>40</v>
      </c>
      <c r="BP16" s="1"/>
      <c r="BQ16" s="1"/>
      <c r="BR16" s="1" t="s">
        <v>702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5</v>
      </c>
      <c r="C17" s="1" t="s">
        <v>663</v>
      </c>
      <c r="D17" s="1" t="s">
        <v>42</v>
      </c>
      <c r="E17" s="1" t="s">
        <v>28</v>
      </c>
      <c r="F17" s="1" t="s">
        <v>336</v>
      </c>
      <c r="G17" s="1" t="s">
        <v>461</v>
      </c>
      <c r="H17" s="1" t="s">
        <v>203</v>
      </c>
      <c r="I17" s="1" t="s">
        <v>337</v>
      </c>
      <c r="J17" s="1" t="s">
        <v>412</v>
      </c>
      <c r="K17" s="1" t="s">
        <v>462</v>
      </c>
      <c r="L17" s="1" t="s">
        <v>34</v>
      </c>
      <c r="N17" s="1" t="s">
        <v>35</v>
      </c>
      <c r="O17" s="1" t="s">
        <v>463</v>
      </c>
      <c r="P17" s="1" t="s">
        <v>37</v>
      </c>
      <c r="Q17" s="1" t="s">
        <v>58</v>
      </c>
      <c r="R17" s="1" t="s">
        <v>59</v>
      </c>
      <c r="S17" s="1" t="s">
        <v>460</v>
      </c>
      <c r="U17" s="1">
        <v>8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4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33333333333333331</v>
      </c>
      <c r="C18" s="1" t="s">
        <v>663</v>
      </c>
      <c r="D18" s="1" t="s">
        <v>42</v>
      </c>
      <c r="E18" s="1" t="s">
        <v>672</v>
      </c>
      <c r="F18" s="1" t="s">
        <v>287</v>
      </c>
      <c r="G18" s="1" t="s">
        <v>464</v>
      </c>
      <c r="H18" s="1" t="s">
        <v>31</v>
      </c>
      <c r="I18" s="1" t="s">
        <v>56</v>
      </c>
      <c r="J18" s="1" t="s">
        <v>412</v>
      </c>
      <c r="K18" s="1" t="s">
        <v>300</v>
      </c>
      <c r="L18" s="1" t="s">
        <v>34</v>
      </c>
      <c r="N18" s="1" t="s">
        <v>35</v>
      </c>
      <c r="O18" s="1" t="s">
        <v>413</v>
      </c>
      <c r="P18" s="1" t="s">
        <v>426</v>
      </c>
      <c r="Q18" s="1" t="s">
        <v>58</v>
      </c>
      <c r="R18" s="1" t="s">
        <v>48</v>
      </c>
      <c r="S18" s="1" t="s">
        <v>268</v>
      </c>
      <c r="U18" s="1">
        <v>6.7</v>
      </c>
      <c r="V18" s="1"/>
      <c r="W18" s="1"/>
      <c r="X18" s="1">
        <v>2.9</v>
      </c>
      <c r="Y18" s="1">
        <v>0.42</v>
      </c>
      <c r="Z18" s="1"/>
      <c r="AA18" s="1" t="s">
        <v>723</v>
      </c>
      <c r="AB18" s="1" t="s">
        <v>733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8</v>
      </c>
      <c r="BC18" s="1">
        <v>1.8</v>
      </c>
      <c r="BD18" s="1">
        <v>1.8</v>
      </c>
      <c r="BE18" s="1"/>
      <c r="BF18" s="1"/>
      <c r="BG18" s="1"/>
      <c r="BH18" s="1"/>
      <c r="BI18" s="1"/>
      <c r="BJ18" s="1"/>
      <c r="BK18" s="1"/>
      <c r="BL18" s="1"/>
      <c r="BM18" s="1">
        <v>0.31</v>
      </c>
      <c r="BN18" s="1">
        <v>0.39</v>
      </c>
      <c r="BO18" s="1">
        <v>380</v>
      </c>
      <c r="BP18" s="1">
        <v>11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5</v>
      </c>
      <c r="C19" s="1" t="s">
        <v>663</v>
      </c>
      <c r="D19" s="1" t="s">
        <v>51</v>
      </c>
      <c r="E19" s="1" t="s">
        <v>672</v>
      </c>
      <c r="F19" s="1" t="s">
        <v>148</v>
      </c>
      <c r="G19" s="1" t="s">
        <v>464</v>
      </c>
      <c r="H19" s="1" t="s">
        <v>107</v>
      </c>
      <c r="I19" s="1" t="s">
        <v>451</v>
      </c>
      <c r="J19" s="1" t="s">
        <v>412</v>
      </c>
      <c r="K19" s="1" t="s">
        <v>465</v>
      </c>
      <c r="L19" s="1" t="s">
        <v>466</v>
      </c>
      <c r="N19" s="1" t="s">
        <v>35</v>
      </c>
      <c r="O19" s="1" t="s">
        <v>413</v>
      </c>
      <c r="P19" s="1" t="s">
        <v>414</v>
      </c>
      <c r="Q19" s="1" t="s">
        <v>121</v>
      </c>
      <c r="R19" s="1" t="s">
        <v>129</v>
      </c>
      <c r="S19" s="1" t="s">
        <v>433</v>
      </c>
      <c r="U19" s="1">
        <v>7.7</v>
      </c>
      <c r="V19" s="1"/>
      <c r="W19" s="1"/>
      <c r="X19" s="1"/>
      <c r="Y19" s="1"/>
      <c r="Z19" s="1"/>
      <c r="AA19" s="1" t="s">
        <v>723</v>
      </c>
      <c r="AB19" s="1" t="s">
        <v>723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8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34027777777777773</v>
      </c>
      <c r="C20" s="1" t="s">
        <v>663</v>
      </c>
      <c r="D20" s="1" t="s">
        <v>51</v>
      </c>
      <c r="E20" s="1" t="s">
        <v>664</v>
      </c>
      <c r="F20" s="1" t="s">
        <v>293</v>
      </c>
      <c r="G20" s="1" t="s">
        <v>467</v>
      </c>
      <c r="H20" s="1" t="s">
        <v>96</v>
      </c>
      <c r="I20" s="1" t="s">
        <v>249</v>
      </c>
      <c r="J20" s="1" t="s">
        <v>412</v>
      </c>
      <c r="K20" s="1" t="s">
        <v>468</v>
      </c>
      <c r="L20" s="1" t="s">
        <v>469</v>
      </c>
      <c r="N20" s="1" t="s">
        <v>35</v>
      </c>
      <c r="O20" s="1" t="s">
        <v>418</v>
      </c>
      <c r="P20" s="1" t="s">
        <v>414</v>
      </c>
      <c r="Q20" s="1" t="s">
        <v>165</v>
      </c>
      <c r="R20" s="1" t="s">
        <v>193</v>
      </c>
      <c r="S20" s="1" t="s">
        <v>296</v>
      </c>
      <c r="T20" s="1" t="s">
        <v>123</v>
      </c>
      <c r="U20" s="1">
        <v>8</v>
      </c>
      <c r="V20" s="3">
        <v>24000</v>
      </c>
      <c r="W20" s="1"/>
      <c r="X20" s="1">
        <v>3.3</v>
      </c>
      <c r="Y20" s="1">
        <v>0.61</v>
      </c>
      <c r="Z20" s="1"/>
      <c r="AA20" s="1" t="s">
        <v>723</v>
      </c>
      <c r="AB20" s="1" t="s">
        <v>723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1</v>
      </c>
      <c r="BC20" s="1">
        <v>2.1</v>
      </c>
      <c r="BD20" s="1">
        <v>2.2000000000000002</v>
      </c>
      <c r="BE20" s="1"/>
      <c r="BF20" s="1"/>
      <c r="BG20" s="1"/>
      <c r="BH20" s="1"/>
      <c r="BI20" s="1"/>
      <c r="BJ20" s="1"/>
      <c r="BK20" s="1"/>
      <c r="BL20" s="1"/>
      <c r="BM20" s="1">
        <v>0.49</v>
      </c>
      <c r="BN20" s="1">
        <v>0.55000000000000004</v>
      </c>
      <c r="BO20" s="1">
        <v>75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5208333333333333</v>
      </c>
      <c r="C21" s="1" t="s">
        <v>663</v>
      </c>
      <c r="D21" s="1" t="s">
        <v>51</v>
      </c>
      <c r="E21" s="1" t="s">
        <v>664</v>
      </c>
      <c r="F21" s="1" t="s">
        <v>293</v>
      </c>
      <c r="G21" s="1" t="s">
        <v>158</v>
      </c>
      <c r="H21" s="1" t="s">
        <v>203</v>
      </c>
      <c r="I21" s="1" t="s">
        <v>470</v>
      </c>
      <c r="J21" s="1" t="s">
        <v>412</v>
      </c>
      <c r="K21" s="1" t="s">
        <v>471</v>
      </c>
      <c r="L21" s="1" t="s">
        <v>34</v>
      </c>
      <c r="N21" s="1" t="s">
        <v>35</v>
      </c>
      <c r="O21" s="1" t="s">
        <v>413</v>
      </c>
      <c r="P21" s="1" t="s">
        <v>414</v>
      </c>
      <c r="Q21" s="1" t="s">
        <v>38</v>
      </c>
      <c r="R21" s="1" t="s">
        <v>306</v>
      </c>
      <c r="S21" s="1" t="s">
        <v>389</v>
      </c>
      <c r="U21" s="1">
        <v>8.8000000000000007</v>
      </c>
      <c r="V21" s="1"/>
      <c r="W21" s="1"/>
      <c r="X21" s="1"/>
      <c r="Y21" s="1"/>
      <c r="Z21" s="1"/>
      <c r="AA21" s="1" t="s">
        <v>723</v>
      </c>
      <c r="AB21" s="1" t="s">
        <v>723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20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63</v>
      </c>
      <c r="B22" s="2">
        <v>0.33333333333333331</v>
      </c>
      <c r="C22" s="1" t="s">
        <v>663</v>
      </c>
      <c r="D22" s="1" t="s">
        <v>51</v>
      </c>
      <c r="E22" s="1" t="s">
        <v>28</v>
      </c>
      <c r="F22" s="1" t="s">
        <v>60</v>
      </c>
      <c r="G22" s="1" t="s">
        <v>419</v>
      </c>
      <c r="H22" s="1" t="s">
        <v>96</v>
      </c>
      <c r="I22" s="1" t="s">
        <v>327</v>
      </c>
      <c r="J22" s="1" t="s">
        <v>412</v>
      </c>
      <c r="K22" s="1" t="s">
        <v>472</v>
      </c>
      <c r="L22" s="1" t="s">
        <v>34</v>
      </c>
      <c r="N22" s="1" t="s">
        <v>35</v>
      </c>
      <c r="O22" s="1" t="s">
        <v>36</v>
      </c>
      <c r="P22" s="1" t="s">
        <v>426</v>
      </c>
      <c r="Q22" s="1" t="s">
        <v>38</v>
      </c>
      <c r="R22" s="1" t="s">
        <v>157</v>
      </c>
      <c r="S22" s="1" t="s">
        <v>115</v>
      </c>
      <c r="U22" s="1">
        <v>8.1</v>
      </c>
      <c r="V22" s="1"/>
      <c r="W22" s="1"/>
      <c r="X22" s="1">
        <v>3.4</v>
      </c>
      <c r="Y22" s="1">
        <v>0.43</v>
      </c>
      <c r="Z22" s="1"/>
      <c r="AA22" s="1" t="s">
        <v>723</v>
      </c>
      <c r="AB22" s="1" t="s">
        <v>723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8</v>
      </c>
      <c r="BC22" s="1">
        <v>1.7</v>
      </c>
      <c r="BD22" s="1">
        <v>1.7</v>
      </c>
      <c r="BE22" s="1"/>
      <c r="BF22" s="1"/>
      <c r="BG22" s="1"/>
      <c r="BH22" s="1"/>
      <c r="BI22" s="1"/>
      <c r="BJ22" s="1"/>
      <c r="BK22" s="1"/>
      <c r="BL22" s="1"/>
      <c r="BM22" s="1">
        <v>0.93</v>
      </c>
      <c r="BN22" s="1">
        <v>0.41</v>
      </c>
      <c r="BO22" s="1">
        <v>2200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5277777777777777</v>
      </c>
      <c r="C23" s="1" t="s">
        <v>663</v>
      </c>
      <c r="D23" s="1" t="s">
        <v>51</v>
      </c>
      <c r="E23" s="1" t="s">
        <v>28</v>
      </c>
      <c r="F23" s="1" t="s">
        <v>162</v>
      </c>
      <c r="G23" s="1" t="s">
        <v>169</v>
      </c>
      <c r="H23" s="1" t="s">
        <v>96</v>
      </c>
      <c r="I23" s="1" t="s">
        <v>412</v>
      </c>
      <c r="J23" s="1" t="s">
        <v>412</v>
      </c>
      <c r="K23" s="1" t="s">
        <v>473</v>
      </c>
      <c r="L23" s="1" t="s">
        <v>34</v>
      </c>
      <c r="N23" s="1" t="s">
        <v>35</v>
      </c>
      <c r="O23" s="1" t="s">
        <v>413</v>
      </c>
      <c r="P23" s="1" t="s">
        <v>37</v>
      </c>
      <c r="Q23" s="1" t="s">
        <v>121</v>
      </c>
      <c r="R23" s="1" t="s">
        <v>94</v>
      </c>
      <c r="S23" s="1" t="s">
        <v>178</v>
      </c>
      <c r="U23" s="1">
        <v>12.9</v>
      </c>
      <c r="V23" s="1"/>
      <c r="W23" s="1"/>
      <c r="X23" s="1"/>
      <c r="Y23" s="1"/>
      <c r="Z23" s="1"/>
      <c r="AA23" s="1" t="s">
        <v>723</v>
      </c>
      <c r="AB23" s="1" t="s">
        <v>723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300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474</v>
      </c>
      <c r="B24" s="2">
        <v>0.33402777777777781</v>
      </c>
      <c r="C24" s="1" t="s">
        <v>663</v>
      </c>
      <c r="D24" s="1" t="s">
        <v>42</v>
      </c>
      <c r="E24" s="1" t="s">
        <v>28</v>
      </c>
      <c r="F24" s="1" t="s">
        <v>296</v>
      </c>
      <c r="G24" s="1" t="s">
        <v>419</v>
      </c>
      <c r="H24" s="1" t="s">
        <v>54</v>
      </c>
      <c r="I24" s="1" t="s">
        <v>31</v>
      </c>
      <c r="J24" s="1" t="s">
        <v>412</v>
      </c>
      <c r="K24" s="1" t="s">
        <v>475</v>
      </c>
      <c r="L24" s="1" t="s">
        <v>34</v>
      </c>
      <c r="N24" s="1" t="s">
        <v>35</v>
      </c>
      <c r="O24" s="1" t="s">
        <v>463</v>
      </c>
      <c r="P24" s="1" t="s">
        <v>426</v>
      </c>
      <c r="Q24" s="1" t="s">
        <v>164</v>
      </c>
      <c r="R24" s="1" t="s">
        <v>177</v>
      </c>
      <c r="S24" s="1" t="s">
        <v>260</v>
      </c>
      <c r="T24" s="1" t="s">
        <v>103</v>
      </c>
      <c r="U24" s="1">
        <v>8.6</v>
      </c>
      <c r="V24" s="3">
        <v>13000</v>
      </c>
      <c r="W24" s="1" t="s">
        <v>682</v>
      </c>
      <c r="X24" s="1">
        <v>4.2</v>
      </c>
      <c r="Y24" s="1">
        <v>0.6</v>
      </c>
      <c r="Z24" s="1">
        <v>8.9999999999999993E-3</v>
      </c>
      <c r="AA24" s="1" t="s">
        <v>728</v>
      </c>
      <c r="AB24" s="1" t="s">
        <v>363</v>
      </c>
      <c r="AC24" s="1" t="s">
        <v>683</v>
      </c>
      <c r="AD24" s="1" t="s">
        <v>689</v>
      </c>
      <c r="AE24" s="1" t="s">
        <v>687</v>
      </c>
      <c r="AF24" s="1" t="s">
        <v>686</v>
      </c>
      <c r="AG24" s="1">
        <v>1.4E-3</v>
      </c>
      <c r="AH24" s="1" t="s">
        <v>687</v>
      </c>
      <c r="AI24" s="1"/>
      <c r="AJ24" s="1" t="s">
        <v>687</v>
      </c>
      <c r="AK24" s="1" t="s">
        <v>688</v>
      </c>
      <c r="AL24" s="1" t="s">
        <v>688</v>
      </c>
      <c r="AM24" s="1" t="s">
        <v>688</v>
      </c>
      <c r="AN24" s="1" t="s">
        <v>688</v>
      </c>
      <c r="AO24" s="1" t="s">
        <v>688</v>
      </c>
      <c r="AP24" t="s">
        <v>688</v>
      </c>
      <c r="AQ24" s="1" t="s">
        <v>688</v>
      </c>
      <c r="AR24" s="1" t="s">
        <v>688</v>
      </c>
      <c r="AS24" s="1" t="s">
        <v>688</v>
      </c>
      <c r="AT24" s="1" t="s">
        <v>696</v>
      </c>
      <c r="AU24" s="1"/>
      <c r="AV24" s="1"/>
      <c r="AW24" s="1"/>
      <c r="AX24" s="1" t="s">
        <v>688</v>
      </c>
      <c r="AY24" s="1" t="s">
        <v>687</v>
      </c>
      <c r="AZ24" s="1">
        <v>0.14000000000000001</v>
      </c>
      <c r="BA24" s="1">
        <v>0.18</v>
      </c>
      <c r="BB24" s="1">
        <v>0.11</v>
      </c>
      <c r="BC24" s="1">
        <v>2.6</v>
      </c>
      <c r="BD24" s="1">
        <v>2.7</v>
      </c>
      <c r="BE24" s="1" t="s">
        <v>685</v>
      </c>
      <c r="BF24" s="1"/>
      <c r="BG24" s="1"/>
      <c r="BH24" s="1"/>
      <c r="BI24" s="1"/>
      <c r="BJ24" s="1"/>
      <c r="BK24" s="1"/>
      <c r="BL24" s="1"/>
      <c r="BM24" s="1">
        <v>0.85</v>
      </c>
      <c r="BN24" s="1">
        <v>0.56000000000000005</v>
      </c>
      <c r="BO24" s="1">
        <v>270</v>
      </c>
      <c r="BP24" s="1">
        <v>87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5</v>
      </c>
      <c r="C25" s="1" t="s">
        <v>663</v>
      </c>
      <c r="D25" s="1" t="s">
        <v>42</v>
      </c>
      <c r="E25" s="1" t="s">
        <v>28</v>
      </c>
      <c r="F25" s="1" t="s">
        <v>121</v>
      </c>
      <c r="G25" s="1" t="s">
        <v>67</v>
      </c>
      <c r="H25" s="1" t="s">
        <v>54</v>
      </c>
      <c r="I25" s="1" t="s">
        <v>294</v>
      </c>
      <c r="J25" s="1" t="s">
        <v>412</v>
      </c>
      <c r="K25" s="1" t="s">
        <v>468</v>
      </c>
      <c r="L25" s="1" t="s">
        <v>34</v>
      </c>
      <c r="N25" s="1" t="s">
        <v>35</v>
      </c>
      <c r="O25" s="1" t="s">
        <v>413</v>
      </c>
      <c r="P25" s="1" t="s">
        <v>426</v>
      </c>
      <c r="Q25" s="1" t="s">
        <v>38</v>
      </c>
      <c r="R25" s="1" t="s">
        <v>101</v>
      </c>
      <c r="S25" s="1" t="s">
        <v>408</v>
      </c>
      <c r="U25" s="1">
        <v>10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90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80</v>
      </c>
      <c r="B26" s="2">
        <v>0.33333333333333331</v>
      </c>
      <c r="C26" s="1" t="s">
        <v>663</v>
      </c>
      <c r="D26" s="1" t="s">
        <v>42</v>
      </c>
      <c r="E26" s="1" t="s">
        <v>28</v>
      </c>
      <c r="F26" s="1" t="s">
        <v>476</v>
      </c>
      <c r="G26" s="1" t="s">
        <v>402</v>
      </c>
      <c r="H26" s="1" t="s">
        <v>340</v>
      </c>
      <c r="I26" s="1" t="s">
        <v>434</v>
      </c>
      <c r="J26" s="1" t="s">
        <v>412</v>
      </c>
      <c r="K26" s="1" t="s">
        <v>477</v>
      </c>
      <c r="L26" s="1" t="s">
        <v>34</v>
      </c>
      <c r="N26" s="1" t="s">
        <v>35</v>
      </c>
      <c r="O26" s="1" t="s">
        <v>413</v>
      </c>
      <c r="P26" s="1" t="s">
        <v>37</v>
      </c>
      <c r="Q26" s="1" t="s">
        <v>165</v>
      </c>
      <c r="R26" s="1" t="s">
        <v>94</v>
      </c>
      <c r="S26" s="1" t="s">
        <v>178</v>
      </c>
      <c r="U26" s="1">
        <v>8.9</v>
      </c>
      <c r="V26" s="1"/>
      <c r="W26" s="1"/>
      <c r="X26" s="1">
        <v>4.5999999999999996</v>
      </c>
      <c r="Y26" s="1">
        <v>0.34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687</v>
      </c>
      <c r="AV26" s="1" t="s">
        <v>683</v>
      </c>
      <c r="AW26" s="1" t="s">
        <v>683</v>
      </c>
      <c r="AX26" s="1"/>
      <c r="AY26" s="1"/>
      <c r="AZ26" s="1"/>
      <c r="BA26" s="1"/>
      <c r="BB26" s="1">
        <v>0.1</v>
      </c>
      <c r="BC26" s="1">
        <v>2.8</v>
      </c>
      <c r="BD26" s="1">
        <v>2.9</v>
      </c>
      <c r="BE26" s="1"/>
      <c r="BF26" s="1"/>
      <c r="BG26" s="1"/>
      <c r="BH26" s="1"/>
      <c r="BI26" s="1"/>
      <c r="BJ26" s="1"/>
      <c r="BK26" s="1"/>
      <c r="BL26" s="1"/>
      <c r="BM26" s="1">
        <v>0.48</v>
      </c>
      <c r="BN26" s="1">
        <v>0.31</v>
      </c>
      <c r="BO26" s="1">
        <v>17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0833333333333337</v>
      </c>
      <c r="C27" s="1" t="s">
        <v>663</v>
      </c>
      <c r="D27" s="1" t="s">
        <v>42</v>
      </c>
      <c r="E27" s="1" t="s">
        <v>28</v>
      </c>
      <c r="F27" s="1" t="s">
        <v>478</v>
      </c>
      <c r="G27" s="1" t="s">
        <v>322</v>
      </c>
      <c r="H27" s="1" t="s">
        <v>340</v>
      </c>
      <c r="I27" s="1" t="s">
        <v>465</v>
      </c>
      <c r="J27" s="1" t="s">
        <v>412</v>
      </c>
      <c r="K27" s="1" t="s">
        <v>462</v>
      </c>
      <c r="L27" s="1" t="s">
        <v>479</v>
      </c>
      <c r="N27" s="1" t="s">
        <v>35</v>
      </c>
      <c r="O27" s="1" t="s">
        <v>480</v>
      </c>
      <c r="P27" s="1" t="s">
        <v>37</v>
      </c>
      <c r="Q27" s="1" t="s">
        <v>58</v>
      </c>
      <c r="R27" s="1" t="s">
        <v>68</v>
      </c>
      <c r="S27" s="1" t="s">
        <v>448</v>
      </c>
      <c r="U27" s="1">
        <v>9.4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1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1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73</v>
      </c>
      <c r="C1" s="1" t="s">
        <v>1</v>
      </c>
      <c r="D1" s="1" t="s">
        <v>674</v>
      </c>
      <c r="E1" s="1" t="s">
        <v>2</v>
      </c>
      <c r="F1" s="1" t="s">
        <v>668</v>
      </c>
      <c r="G1" s="1" t="s">
        <v>3</v>
      </c>
      <c r="H1" s="1" t="s">
        <v>67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56</v>
      </c>
      <c r="V2" s="1" t="s">
        <v>605</v>
      </c>
      <c r="W2" s="1" t="s">
        <v>679</v>
      </c>
      <c r="X2" s="1" t="s">
        <v>606</v>
      </c>
      <c r="Y2" s="1" t="s">
        <v>607</v>
      </c>
      <c r="Z2" s="1" t="s">
        <v>608</v>
      </c>
      <c r="AA2" s="1" t="s">
        <v>710</v>
      </c>
      <c r="AB2" s="1" t="s">
        <v>720</v>
      </c>
      <c r="AC2" s="1" t="s">
        <v>609</v>
      </c>
      <c r="AD2" s="1" t="s">
        <v>610</v>
      </c>
      <c r="AE2" s="1" t="s">
        <v>680</v>
      </c>
      <c r="AF2" s="1" t="s">
        <v>611</v>
      </c>
      <c r="AG2" s="1" t="s">
        <v>612</v>
      </c>
      <c r="AH2" s="1" t="s">
        <v>613</v>
      </c>
      <c r="AI2" s="1" t="s">
        <v>614</v>
      </c>
      <c r="AJ2" s="1" t="s">
        <v>615</v>
      </c>
      <c r="AK2" s="1" t="s">
        <v>616</v>
      </c>
      <c r="AL2" s="1" t="s">
        <v>617</v>
      </c>
      <c r="AM2" s="1" t="s">
        <v>618</v>
      </c>
      <c r="AN2" s="1" t="s">
        <v>619</v>
      </c>
      <c r="AO2" s="1" t="s">
        <v>620</v>
      </c>
      <c r="AP2" t="s">
        <v>704</v>
      </c>
      <c r="AQ2" s="1" t="s">
        <v>621</v>
      </c>
      <c r="AR2" s="1" t="s">
        <v>622</v>
      </c>
      <c r="AS2" s="1" t="s">
        <v>623</v>
      </c>
      <c r="AT2" s="1" t="s">
        <v>690</v>
      </c>
      <c r="AU2" s="1" t="s">
        <v>624</v>
      </c>
      <c r="AV2" s="1" t="s">
        <v>625</v>
      </c>
      <c r="AW2" s="1" t="s">
        <v>626</v>
      </c>
      <c r="AX2" s="1" t="s">
        <v>627</v>
      </c>
      <c r="AY2" s="1" t="s">
        <v>628</v>
      </c>
      <c r="AZ2" s="1" t="s">
        <v>629</v>
      </c>
      <c r="BA2" s="1" t="s">
        <v>630</v>
      </c>
      <c r="BB2" s="1" t="s">
        <v>631</v>
      </c>
      <c r="BC2" s="1" t="s">
        <v>632</v>
      </c>
      <c r="BD2" s="1" t="s">
        <v>633</v>
      </c>
      <c r="BE2" s="1" t="s">
        <v>715</v>
      </c>
      <c r="BF2" s="1" t="s">
        <v>634</v>
      </c>
      <c r="BG2" s="1" t="s">
        <v>691</v>
      </c>
      <c r="BH2" s="1" t="s">
        <v>692</v>
      </c>
      <c r="BI2" s="1" t="s">
        <v>635</v>
      </c>
      <c r="BJ2" s="1" t="s">
        <v>636</v>
      </c>
      <c r="BK2" s="1" t="s">
        <v>637</v>
      </c>
      <c r="BL2" s="1" t="s">
        <v>638</v>
      </c>
      <c r="BM2" s="1" t="s">
        <v>639</v>
      </c>
      <c r="BN2" s="1" t="s">
        <v>640</v>
      </c>
      <c r="BO2" s="1" t="s">
        <v>641</v>
      </c>
      <c r="BP2" s="1" t="s">
        <v>642</v>
      </c>
      <c r="BQ2" s="1" t="s">
        <v>643</v>
      </c>
      <c r="BR2" s="1" t="s">
        <v>644</v>
      </c>
      <c r="BS2" s="1" t="s">
        <v>645</v>
      </c>
      <c r="BT2" s="1" t="s">
        <v>646</v>
      </c>
      <c r="BU2" s="1" t="s">
        <v>647</v>
      </c>
      <c r="BV2" s="1" t="s">
        <v>648</v>
      </c>
      <c r="BW2" s="1" t="s">
        <v>649</v>
      </c>
      <c r="BX2" s="1" t="s">
        <v>650</v>
      </c>
      <c r="BY2" s="1" t="s">
        <v>651</v>
      </c>
      <c r="BZ2" s="1" t="s">
        <v>697</v>
      </c>
    </row>
    <row r="3" spans="1:78" x14ac:dyDescent="0.15">
      <c r="A3" s="1" t="s">
        <v>657</v>
      </c>
      <c r="B3" s="1" t="s">
        <v>658</v>
      </c>
      <c r="C3" s="1"/>
      <c r="D3" s="1"/>
      <c r="E3" s="1"/>
      <c r="F3" s="1" t="s">
        <v>659</v>
      </c>
      <c r="G3" s="1" t="s">
        <v>659</v>
      </c>
      <c r="H3" s="1" t="s">
        <v>660</v>
      </c>
      <c r="I3" s="1" t="s">
        <v>24</v>
      </c>
      <c r="J3" s="1" t="s">
        <v>661</v>
      </c>
      <c r="K3" s="1" t="s">
        <v>661</v>
      </c>
      <c r="L3" s="1" t="s">
        <v>662</v>
      </c>
      <c r="M3" s="1" t="s">
        <v>6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8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98</v>
      </c>
      <c r="BP3" s="1" t="s">
        <v>25</v>
      </c>
      <c r="BQ3" s="1" t="s">
        <v>699</v>
      </c>
      <c r="BR3" s="1" t="s">
        <v>25</v>
      </c>
      <c r="BS3" s="1" t="s">
        <v>25</v>
      </c>
      <c r="BT3" s="1" t="s">
        <v>7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5555555555555557</v>
      </c>
      <c r="C4" s="1" t="s">
        <v>663</v>
      </c>
      <c r="D4" s="1" t="s">
        <v>42</v>
      </c>
      <c r="E4" s="1" t="s">
        <v>28</v>
      </c>
      <c r="F4" s="1" t="s">
        <v>464</v>
      </c>
      <c r="G4" s="1" t="s">
        <v>481</v>
      </c>
      <c r="H4" s="1" t="s">
        <v>340</v>
      </c>
      <c r="I4" s="1" t="s">
        <v>349</v>
      </c>
      <c r="J4" s="1" t="s">
        <v>203</v>
      </c>
      <c r="K4" s="1" t="s">
        <v>383</v>
      </c>
      <c r="L4" s="1" t="s">
        <v>34</v>
      </c>
      <c r="N4" s="1" t="s">
        <v>35</v>
      </c>
      <c r="O4" s="1" t="s">
        <v>413</v>
      </c>
      <c r="P4" s="1" t="s">
        <v>482</v>
      </c>
      <c r="Q4" s="1" t="s">
        <v>165</v>
      </c>
      <c r="R4" s="1" t="s">
        <v>397</v>
      </c>
      <c r="S4" s="1" t="s">
        <v>483</v>
      </c>
      <c r="T4" s="1" t="s">
        <v>49</v>
      </c>
      <c r="U4" s="1">
        <v>6.3</v>
      </c>
      <c r="V4" s="3">
        <v>13000</v>
      </c>
      <c r="W4" s="1"/>
      <c r="X4" s="1">
        <v>4.8</v>
      </c>
      <c r="Y4" s="1">
        <v>0.71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52</v>
      </c>
      <c r="BC4" s="1">
        <v>3.5</v>
      </c>
      <c r="BD4" s="1">
        <v>4</v>
      </c>
      <c r="BE4" s="1"/>
      <c r="BF4" s="1"/>
      <c r="BG4" s="1"/>
      <c r="BH4" s="1"/>
      <c r="BI4" s="1"/>
      <c r="BJ4" s="1"/>
      <c r="BK4" s="1"/>
      <c r="BL4" s="1"/>
      <c r="BM4" s="1">
        <v>0.56000000000000005</v>
      </c>
      <c r="BN4" s="1">
        <v>0.63</v>
      </c>
      <c r="BO4" s="1">
        <v>53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1180555555555547</v>
      </c>
      <c r="C5" s="1" t="s">
        <v>663</v>
      </c>
      <c r="D5" s="1" t="s">
        <v>42</v>
      </c>
      <c r="E5" s="1" t="s">
        <v>28</v>
      </c>
      <c r="F5" s="1" t="s">
        <v>385</v>
      </c>
      <c r="G5" s="1" t="s">
        <v>484</v>
      </c>
      <c r="H5" s="1" t="s">
        <v>340</v>
      </c>
      <c r="I5" s="1" t="s">
        <v>440</v>
      </c>
      <c r="J5" s="1" t="s">
        <v>31</v>
      </c>
      <c r="K5" s="1" t="s">
        <v>73</v>
      </c>
      <c r="L5" s="1" t="s">
        <v>485</v>
      </c>
      <c r="N5" s="1" t="s">
        <v>35</v>
      </c>
      <c r="O5" s="1" t="s">
        <v>486</v>
      </c>
      <c r="P5" s="1" t="s">
        <v>426</v>
      </c>
      <c r="Q5" s="1" t="s">
        <v>121</v>
      </c>
      <c r="R5" s="1" t="s">
        <v>268</v>
      </c>
      <c r="S5" s="1" t="s">
        <v>487</v>
      </c>
      <c r="U5" s="1">
        <v>7.4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6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0</v>
      </c>
      <c r="B6" s="2">
        <v>0.35486111111111113</v>
      </c>
      <c r="C6" s="1" t="s">
        <v>663</v>
      </c>
      <c r="D6" s="1" t="s">
        <v>415</v>
      </c>
      <c r="E6" s="1" t="s">
        <v>28</v>
      </c>
      <c r="F6" s="1" t="s">
        <v>488</v>
      </c>
      <c r="G6" s="1" t="s">
        <v>153</v>
      </c>
      <c r="H6" s="1" t="s">
        <v>31</v>
      </c>
      <c r="I6" s="1" t="s">
        <v>167</v>
      </c>
      <c r="J6" s="1" t="s">
        <v>412</v>
      </c>
      <c r="K6" s="1" t="s">
        <v>300</v>
      </c>
      <c r="L6" s="1" t="s">
        <v>34</v>
      </c>
      <c r="N6" s="1" t="s">
        <v>35</v>
      </c>
      <c r="O6" s="1" t="s">
        <v>36</v>
      </c>
      <c r="P6" s="1" t="s">
        <v>426</v>
      </c>
      <c r="Q6" s="1" t="s">
        <v>121</v>
      </c>
      <c r="R6" s="1" t="s">
        <v>215</v>
      </c>
      <c r="S6" s="1" t="s">
        <v>408</v>
      </c>
      <c r="U6" s="1">
        <v>8</v>
      </c>
      <c r="V6" s="1"/>
      <c r="W6" s="1"/>
      <c r="X6" s="1">
        <v>4.9000000000000004</v>
      </c>
      <c r="Y6" s="1">
        <v>0.56000000000000005</v>
      </c>
      <c r="Z6" s="1"/>
      <c r="AA6" s="1" t="s">
        <v>723</v>
      </c>
      <c r="AB6" s="1" t="s">
        <v>734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47</v>
      </c>
      <c r="BC6" s="1">
        <v>3</v>
      </c>
      <c r="BD6" s="1">
        <v>3.4</v>
      </c>
      <c r="BE6" s="1"/>
      <c r="BF6" s="1"/>
      <c r="BG6" s="1"/>
      <c r="BH6" s="1"/>
      <c r="BI6" s="1"/>
      <c r="BJ6" s="1"/>
      <c r="BK6" s="1"/>
      <c r="BL6" s="1"/>
      <c r="BM6" s="1">
        <v>0.69</v>
      </c>
      <c r="BN6" s="1">
        <v>0.53</v>
      </c>
      <c r="BO6" s="1">
        <v>220</v>
      </c>
      <c r="BP6" s="1">
        <v>57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77569444444444446</v>
      </c>
      <c r="C7" s="1" t="s">
        <v>663</v>
      </c>
      <c r="D7" s="1" t="s">
        <v>415</v>
      </c>
      <c r="E7" s="1" t="s">
        <v>28</v>
      </c>
      <c r="F7" s="1" t="s">
        <v>489</v>
      </c>
      <c r="G7" s="1" t="s">
        <v>490</v>
      </c>
      <c r="H7" s="1" t="s">
        <v>236</v>
      </c>
      <c r="I7" s="1" t="s">
        <v>73</v>
      </c>
      <c r="J7" s="1" t="s">
        <v>203</v>
      </c>
      <c r="K7" s="1" t="s">
        <v>188</v>
      </c>
      <c r="L7" s="1" t="s">
        <v>34</v>
      </c>
      <c r="N7" s="1" t="s">
        <v>35</v>
      </c>
      <c r="O7" s="1" t="s">
        <v>413</v>
      </c>
      <c r="P7" s="1" t="s">
        <v>37</v>
      </c>
      <c r="Q7" s="1" t="s">
        <v>209</v>
      </c>
      <c r="R7" s="1" t="s">
        <v>129</v>
      </c>
      <c r="S7" s="1" t="s">
        <v>393</v>
      </c>
      <c r="U7" s="1">
        <v>7.9</v>
      </c>
      <c r="V7" s="1"/>
      <c r="W7" s="1"/>
      <c r="X7" s="1"/>
      <c r="Y7" s="1"/>
      <c r="Z7" s="1"/>
      <c r="AA7" s="1" t="s">
        <v>723</v>
      </c>
      <c r="AB7" s="1" t="s">
        <v>723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0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27</v>
      </c>
      <c r="B8" s="2">
        <v>0.35902777777777778</v>
      </c>
      <c r="C8" s="1" t="s">
        <v>663</v>
      </c>
      <c r="D8" s="1" t="s">
        <v>51</v>
      </c>
      <c r="E8" s="1" t="s">
        <v>28</v>
      </c>
      <c r="F8" s="1" t="s">
        <v>335</v>
      </c>
      <c r="G8" s="1" t="s">
        <v>279</v>
      </c>
      <c r="H8" s="1" t="s">
        <v>333</v>
      </c>
      <c r="I8" s="1" t="s">
        <v>140</v>
      </c>
      <c r="J8" s="1" t="s">
        <v>412</v>
      </c>
      <c r="K8" s="1" t="s">
        <v>205</v>
      </c>
      <c r="L8" s="1" t="s">
        <v>34</v>
      </c>
      <c r="N8" s="1" t="s">
        <v>35</v>
      </c>
      <c r="O8" s="1" t="s">
        <v>36</v>
      </c>
      <c r="P8" s="1" t="s">
        <v>426</v>
      </c>
      <c r="Q8" s="1" t="s">
        <v>165</v>
      </c>
      <c r="R8" s="1" t="s">
        <v>142</v>
      </c>
      <c r="S8" s="1" t="s">
        <v>448</v>
      </c>
      <c r="T8" s="1" t="s">
        <v>277</v>
      </c>
      <c r="U8" s="1">
        <v>6.7</v>
      </c>
      <c r="V8" s="3">
        <v>7900</v>
      </c>
      <c r="W8" s="1"/>
      <c r="X8" s="1">
        <v>4.9000000000000004</v>
      </c>
      <c r="Y8" s="1">
        <v>0.78</v>
      </c>
      <c r="Z8" s="1"/>
      <c r="AA8" s="1" t="s">
        <v>723</v>
      </c>
      <c r="AB8" s="1" t="s">
        <v>723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36</v>
      </c>
      <c r="BC8" s="1">
        <v>2.8</v>
      </c>
      <c r="BD8" s="1">
        <v>3.1</v>
      </c>
      <c r="BE8" s="1"/>
      <c r="BF8" s="1"/>
      <c r="BG8" s="1"/>
      <c r="BH8" s="1"/>
      <c r="BI8" s="1"/>
      <c r="BJ8" s="1"/>
      <c r="BK8" s="1"/>
      <c r="BL8" s="1"/>
      <c r="BM8" s="1">
        <v>0.56999999999999995</v>
      </c>
      <c r="BN8" s="1">
        <v>0.78</v>
      </c>
      <c r="BO8" s="1">
        <v>43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715277777777777</v>
      </c>
      <c r="C9" s="1" t="s">
        <v>663</v>
      </c>
      <c r="D9" s="1" t="s">
        <v>51</v>
      </c>
      <c r="E9" s="1" t="s">
        <v>28</v>
      </c>
      <c r="F9" s="1" t="s">
        <v>438</v>
      </c>
      <c r="G9" s="1" t="s">
        <v>227</v>
      </c>
      <c r="H9" s="1" t="s">
        <v>333</v>
      </c>
      <c r="I9" s="1" t="s">
        <v>363</v>
      </c>
      <c r="J9" s="1" t="s">
        <v>31</v>
      </c>
      <c r="K9" s="1" t="s">
        <v>73</v>
      </c>
      <c r="L9" s="1" t="s">
        <v>34</v>
      </c>
      <c r="N9" s="1" t="s">
        <v>35</v>
      </c>
      <c r="O9" s="1" t="s">
        <v>413</v>
      </c>
      <c r="P9" s="1" t="s">
        <v>37</v>
      </c>
      <c r="Q9" s="1" t="s">
        <v>209</v>
      </c>
      <c r="R9" s="1" t="s">
        <v>93</v>
      </c>
      <c r="S9" s="1" t="s">
        <v>67</v>
      </c>
      <c r="U9" s="1">
        <v>7.6</v>
      </c>
      <c r="V9" s="1"/>
      <c r="W9" s="1"/>
      <c r="X9" s="1"/>
      <c r="Y9" s="1"/>
      <c r="Z9" s="1"/>
      <c r="AA9" s="1" t="s">
        <v>723</v>
      </c>
      <c r="AB9" s="1" t="s">
        <v>723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8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6</v>
      </c>
      <c r="B10" s="2">
        <v>0.3576388888888889</v>
      </c>
      <c r="C10" s="1" t="s">
        <v>663</v>
      </c>
      <c r="D10" s="1" t="s">
        <v>42</v>
      </c>
      <c r="E10" s="1" t="s">
        <v>28</v>
      </c>
      <c r="F10" s="1" t="s">
        <v>235</v>
      </c>
      <c r="G10" s="1" t="s">
        <v>53</v>
      </c>
      <c r="H10" s="1" t="s">
        <v>107</v>
      </c>
      <c r="I10" s="1" t="s">
        <v>356</v>
      </c>
      <c r="J10" s="1" t="s">
        <v>412</v>
      </c>
      <c r="K10" s="1" t="s">
        <v>65</v>
      </c>
      <c r="L10" s="1" t="s">
        <v>34</v>
      </c>
      <c r="N10" s="1" t="s">
        <v>491</v>
      </c>
      <c r="O10" s="1" t="s">
        <v>413</v>
      </c>
      <c r="P10" s="1" t="s">
        <v>37</v>
      </c>
      <c r="Q10" s="1" t="s">
        <v>121</v>
      </c>
      <c r="R10" s="1" t="s">
        <v>39</v>
      </c>
      <c r="S10" s="1" t="s">
        <v>430</v>
      </c>
      <c r="U10" s="1">
        <v>5.7</v>
      </c>
      <c r="V10" s="1"/>
      <c r="W10" s="1"/>
      <c r="X10" s="1">
        <v>3.2</v>
      </c>
      <c r="Y10" s="1">
        <v>0.55000000000000004</v>
      </c>
      <c r="Z10" s="1"/>
      <c r="AA10" s="1" t="s">
        <v>723</v>
      </c>
      <c r="AB10" s="1" t="s">
        <v>723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87</v>
      </c>
      <c r="AV10" s="1" t="s">
        <v>683</v>
      </c>
      <c r="AW10" s="1" t="s">
        <v>683</v>
      </c>
      <c r="AX10" s="1"/>
      <c r="AY10" s="1"/>
      <c r="AZ10" s="1"/>
      <c r="BA10" s="1"/>
      <c r="BB10" s="1">
        <v>0.27</v>
      </c>
      <c r="BC10" s="1">
        <v>2.6</v>
      </c>
      <c r="BD10" s="1">
        <v>2.8</v>
      </c>
      <c r="BE10" s="1"/>
      <c r="BF10" s="1"/>
      <c r="BG10" s="1"/>
      <c r="BH10" s="1"/>
      <c r="BI10" s="1"/>
      <c r="BJ10" s="1"/>
      <c r="BK10" s="1" t="s">
        <v>687</v>
      </c>
      <c r="BL10" s="1"/>
      <c r="BM10" s="1">
        <v>0.14000000000000001</v>
      </c>
      <c r="BN10" s="1">
        <v>0.53</v>
      </c>
      <c r="BO10" s="1">
        <v>740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3611111111111116</v>
      </c>
      <c r="C11" s="1" t="s">
        <v>663</v>
      </c>
      <c r="D11" s="1" t="s">
        <v>51</v>
      </c>
      <c r="E11" s="1" t="s">
        <v>28</v>
      </c>
      <c r="F11" s="1" t="s">
        <v>348</v>
      </c>
      <c r="G11" s="1" t="s">
        <v>492</v>
      </c>
      <c r="H11" s="1" t="s">
        <v>203</v>
      </c>
      <c r="I11" s="1" t="s">
        <v>328</v>
      </c>
      <c r="J11" s="1" t="s">
        <v>89</v>
      </c>
      <c r="K11" s="1" t="s">
        <v>55</v>
      </c>
      <c r="L11" s="1" t="s">
        <v>34</v>
      </c>
      <c r="N11" s="1" t="s">
        <v>35</v>
      </c>
      <c r="O11" s="1" t="s">
        <v>447</v>
      </c>
      <c r="P11" s="1" t="s">
        <v>414</v>
      </c>
      <c r="Q11" s="1" t="s">
        <v>493</v>
      </c>
      <c r="R11" s="1" t="s">
        <v>306</v>
      </c>
      <c r="S11" s="1" t="s">
        <v>494</v>
      </c>
      <c r="U11" s="1">
        <v>10.5</v>
      </c>
      <c r="V11" s="1"/>
      <c r="W11" s="1"/>
      <c r="X11" s="1"/>
      <c r="Y11" s="1"/>
      <c r="Z11" s="1"/>
      <c r="AA11" s="1" t="s">
        <v>723</v>
      </c>
      <c r="AB11" s="1" t="s">
        <v>723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54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37</v>
      </c>
      <c r="B12" s="2">
        <v>0.36180555555555555</v>
      </c>
      <c r="C12" s="1" t="s">
        <v>663</v>
      </c>
      <c r="D12" s="1" t="s">
        <v>42</v>
      </c>
      <c r="E12" s="1" t="s">
        <v>28</v>
      </c>
      <c r="F12" s="1" t="s">
        <v>495</v>
      </c>
      <c r="G12" s="1" t="s">
        <v>496</v>
      </c>
      <c r="H12" s="1" t="s">
        <v>353</v>
      </c>
      <c r="I12" s="1" t="s">
        <v>188</v>
      </c>
      <c r="J12" s="1" t="s">
        <v>31</v>
      </c>
      <c r="K12" s="1" t="s">
        <v>327</v>
      </c>
      <c r="L12" s="1" t="s">
        <v>34</v>
      </c>
      <c r="N12" s="1" t="s">
        <v>35</v>
      </c>
      <c r="O12" s="1" t="s">
        <v>413</v>
      </c>
      <c r="P12" s="1" t="s">
        <v>37</v>
      </c>
      <c r="Q12" s="1" t="s">
        <v>58</v>
      </c>
      <c r="R12" s="1" t="s">
        <v>497</v>
      </c>
      <c r="S12" s="1" t="s">
        <v>76</v>
      </c>
      <c r="T12" s="1" t="s">
        <v>123</v>
      </c>
      <c r="U12" s="1">
        <v>5.2</v>
      </c>
      <c r="V12" s="3">
        <v>33000</v>
      </c>
      <c r="W12" s="1" t="s">
        <v>682</v>
      </c>
      <c r="X12" s="1">
        <v>4.8</v>
      </c>
      <c r="Y12" s="1">
        <v>0.9</v>
      </c>
      <c r="Z12" s="1">
        <v>1.9E-2</v>
      </c>
      <c r="AA12" s="1" t="s">
        <v>728</v>
      </c>
      <c r="AB12" s="1" t="s">
        <v>746</v>
      </c>
      <c r="AC12" s="1" t="s">
        <v>683</v>
      </c>
      <c r="AD12" s="1" t="s">
        <v>689</v>
      </c>
      <c r="AE12" s="1" t="s">
        <v>687</v>
      </c>
      <c r="AF12" s="1" t="s">
        <v>686</v>
      </c>
      <c r="AG12" s="1">
        <v>1E-3</v>
      </c>
      <c r="AH12" s="1" t="s">
        <v>687</v>
      </c>
      <c r="AI12" s="1"/>
      <c r="AJ12" s="1" t="s">
        <v>687</v>
      </c>
      <c r="AK12" s="1" t="s">
        <v>688</v>
      </c>
      <c r="AL12" s="1" t="s">
        <v>688</v>
      </c>
      <c r="AM12" s="1" t="s">
        <v>688</v>
      </c>
      <c r="AN12" s="1" t="s">
        <v>688</v>
      </c>
      <c r="AO12" s="1" t="s">
        <v>688</v>
      </c>
      <c r="AP12" t="s">
        <v>688</v>
      </c>
      <c r="AQ12" s="1" t="s">
        <v>688</v>
      </c>
      <c r="AR12" s="1" t="s">
        <v>688</v>
      </c>
      <c r="AS12" s="1" t="s">
        <v>688</v>
      </c>
      <c r="AT12" s="1" t="s">
        <v>696</v>
      </c>
      <c r="AU12" s="1"/>
      <c r="AV12" s="1"/>
      <c r="AW12" s="1"/>
      <c r="AX12" s="1" t="s">
        <v>688</v>
      </c>
      <c r="AY12" s="1" t="s">
        <v>687</v>
      </c>
      <c r="AZ12" s="1">
        <v>0.12</v>
      </c>
      <c r="BA12" s="1">
        <v>7.5999999999999998E-2</v>
      </c>
      <c r="BB12" s="1">
        <v>0.51</v>
      </c>
      <c r="BC12" s="1">
        <v>3.6</v>
      </c>
      <c r="BD12" s="1">
        <v>4.0999999999999996</v>
      </c>
      <c r="BE12" s="1" t="s">
        <v>685</v>
      </c>
      <c r="BF12" s="1"/>
      <c r="BG12" s="1"/>
      <c r="BH12" s="1"/>
      <c r="BI12" s="1"/>
      <c r="BJ12" s="1"/>
      <c r="BK12" s="1"/>
      <c r="BL12" s="1"/>
      <c r="BM12" s="1">
        <v>0.74</v>
      </c>
      <c r="BN12" s="1">
        <v>0.9</v>
      </c>
      <c r="BO12" s="1">
        <v>57</v>
      </c>
      <c r="BP12" s="1">
        <v>62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2152777777777777</v>
      </c>
      <c r="C13" s="1" t="s">
        <v>663</v>
      </c>
      <c r="D13" s="1" t="s">
        <v>42</v>
      </c>
      <c r="E13" s="1" t="s">
        <v>28</v>
      </c>
      <c r="F13" s="1" t="s">
        <v>431</v>
      </c>
      <c r="G13" s="1" t="s">
        <v>228</v>
      </c>
      <c r="H13" s="1" t="s">
        <v>89</v>
      </c>
      <c r="I13" s="1" t="s">
        <v>98</v>
      </c>
      <c r="J13" s="1" t="s">
        <v>412</v>
      </c>
      <c r="K13" s="1" t="s">
        <v>205</v>
      </c>
      <c r="L13" s="1" t="s">
        <v>479</v>
      </c>
      <c r="N13" s="1" t="s">
        <v>491</v>
      </c>
      <c r="O13" s="1" t="s">
        <v>453</v>
      </c>
      <c r="P13" s="1" t="s">
        <v>37</v>
      </c>
      <c r="Q13" s="1" t="s">
        <v>58</v>
      </c>
      <c r="R13" s="1" t="s">
        <v>108</v>
      </c>
      <c r="S13" s="1" t="s">
        <v>342</v>
      </c>
      <c r="U13" s="1">
        <v>7.2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88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449</v>
      </c>
      <c r="B14" s="2">
        <v>0.35347222222222219</v>
      </c>
      <c r="C14" s="1" t="s">
        <v>663</v>
      </c>
      <c r="D14" s="1" t="s">
        <v>51</v>
      </c>
      <c r="E14" s="1" t="s">
        <v>664</v>
      </c>
      <c r="F14" s="1" t="s">
        <v>498</v>
      </c>
      <c r="G14" s="1" t="s">
        <v>379</v>
      </c>
      <c r="H14" s="1" t="s">
        <v>73</v>
      </c>
      <c r="I14" s="1" t="s">
        <v>98</v>
      </c>
      <c r="J14" s="1" t="s">
        <v>333</v>
      </c>
      <c r="K14" s="1" t="s">
        <v>167</v>
      </c>
      <c r="L14" s="1" t="s">
        <v>34</v>
      </c>
      <c r="N14" s="1" t="s">
        <v>35</v>
      </c>
      <c r="O14" s="1" t="s">
        <v>413</v>
      </c>
      <c r="P14" s="1" t="s">
        <v>482</v>
      </c>
      <c r="Q14" s="1" t="s">
        <v>121</v>
      </c>
      <c r="R14" s="1" t="s">
        <v>129</v>
      </c>
      <c r="S14" s="1" t="s">
        <v>448</v>
      </c>
      <c r="U14" s="1">
        <v>7.6</v>
      </c>
      <c r="V14" s="1"/>
      <c r="W14" s="1"/>
      <c r="X14" s="1">
        <v>3.5</v>
      </c>
      <c r="Y14" s="1">
        <v>0.43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15</v>
      </c>
      <c r="BC14" s="1">
        <v>2.8</v>
      </c>
      <c r="BD14" s="1">
        <v>2.9</v>
      </c>
      <c r="BE14" s="1"/>
      <c r="BF14" s="1"/>
      <c r="BG14" s="1"/>
      <c r="BH14" s="1"/>
      <c r="BI14" s="1"/>
      <c r="BJ14" s="1"/>
      <c r="BK14" s="1"/>
      <c r="BL14" s="1"/>
      <c r="BM14" s="1">
        <v>0.16</v>
      </c>
      <c r="BN14" s="1">
        <v>0.39</v>
      </c>
      <c r="BO14" s="1">
        <v>39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7847222222222223</v>
      </c>
      <c r="C15" s="1" t="s">
        <v>663</v>
      </c>
      <c r="D15" s="1" t="s">
        <v>51</v>
      </c>
      <c r="E15" s="1" t="s">
        <v>664</v>
      </c>
      <c r="F15" s="1" t="s">
        <v>345</v>
      </c>
      <c r="G15" s="1" t="s">
        <v>88</v>
      </c>
      <c r="H15" s="1" t="s">
        <v>203</v>
      </c>
      <c r="I15" s="1" t="s">
        <v>56</v>
      </c>
      <c r="J15" s="1" t="s">
        <v>249</v>
      </c>
      <c r="K15" s="1" t="s">
        <v>434</v>
      </c>
      <c r="L15" s="1" t="s">
        <v>34</v>
      </c>
      <c r="N15" s="1" t="s">
        <v>35</v>
      </c>
      <c r="O15" s="1" t="s">
        <v>413</v>
      </c>
      <c r="P15" s="1" t="s">
        <v>37</v>
      </c>
      <c r="Q15" s="1" t="s">
        <v>38</v>
      </c>
      <c r="R15" s="1" t="s">
        <v>39</v>
      </c>
      <c r="S15" s="1" t="s">
        <v>178</v>
      </c>
      <c r="U15" s="1">
        <v>7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6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1</v>
      </c>
      <c r="B16" s="2">
        <v>0.3576388888888889</v>
      </c>
      <c r="C16" s="1" t="s">
        <v>663</v>
      </c>
      <c r="D16" s="1" t="s">
        <v>51</v>
      </c>
      <c r="E16" s="1" t="s">
        <v>28</v>
      </c>
      <c r="F16" s="1" t="s">
        <v>458</v>
      </c>
      <c r="G16" s="1" t="s">
        <v>377</v>
      </c>
      <c r="H16" s="1" t="s">
        <v>440</v>
      </c>
      <c r="I16" s="1" t="s">
        <v>499</v>
      </c>
      <c r="J16" s="1" t="s">
        <v>203</v>
      </c>
      <c r="K16" s="1" t="s">
        <v>383</v>
      </c>
      <c r="L16" s="1" t="s">
        <v>34</v>
      </c>
      <c r="N16" s="1" t="s">
        <v>35</v>
      </c>
      <c r="O16" s="1" t="s">
        <v>36</v>
      </c>
      <c r="P16" s="1" t="s">
        <v>37</v>
      </c>
      <c r="Q16" s="1" t="s">
        <v>38</v>
      </c>
      <c r="R16" s="1" t="s">
        <v>39</v>
      </c>
      <c r="S16" s="1" t="s">
        <v>324</v>
      </c>
      <c r="T16" s="1" t="s">
        <v>49</v>
      </c>
      <c r="U16" s="1">
        <v>8.3000000000000007</v>
      </c>
      <c r="V16" s="3">
        <v>4900</v>
      </c>
      <c r="W16" s="1"/>
      <c r="X16" s="1">
        <v>3.2</v>
      </c>
      <c r="Y16" s="1">
        <v>0.28999999999999998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13</v>
      </c>
      <c r="BC16" s="1">
        <v>2.8</v>
      </c>
      <c r="BD16" s="1">
        <v>2.9</v>
      </c>
      <c r="BE16" s="1"/>
      <c r="BF16" s="1" t="s">
        <v>685</v>
      </c>
      <c r="BG16" s="1">
        <v>1.9E-3</v>
      </c>
      <c r="BH16" s="1">
        <v>0.02</v>
      </c>
      <c r="BI16" s="1">
        <v>8.3000000000000001E-3</v>
      </c>
      <c r="BJ16" s="1" t="s">
        <v>685</v>
      </c>
      <c r="BK16" s="1"/>
      <c r="BL16" s="1" t="s">
        <v>703</v>
      </c>
      <c r="BM16" s="1">
        <v>0.1</v>
      </c>
      <c r="BN16" s="1">
        <v>0.27</v>
      </c>
      <c r="BO16" s="1">
        <v>46</v>
      </c>
      <c r="BP16" s="1"/>
      <c r="BQ16" s="1"/>
      <c r="BR16" s="1" t="s">
        <v>702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7708333333333324</v>
      </c>
      <c r="C17" s="1" t="s">
        <v>663</v>
      </c>
      <c r="D17" s="1" t="s">
        <v>42</v>
      </c>
      <c r="E17" s="1" t="s">
        <v>28</v>
      </c>
      <c r="F17" s="1" t="s">
        <v>500</v>
      </c>
      <c r="G17" s="1" t="s">
        <v>336</v>
      </c>
      <c r="H17" s="1" t="s">
        <v>54</v>
      </c>
      <c r="I17" s="1" t="s">
        <v>236</v>
      </c>
      <c r="J17" s="1" t="s">
        <v>236</v>
      </c>
      <c r="K17" s="1" t="s">
        <v>381</v>
      </c>
      <c r="L17" s="1" t="s">
        <v>34</v>
      </c>
      <c r="N17" s="1" t="s">
        <v>35</v>
      </c>
      <c r="O17" s="1" t="s">
        <v>36</v>
      </c>
      <c r="P17" s="1" t="s">
        <v>37</v>
      </c>
      <c r="Q17" s="1" t="s">
        <v>58</v>
      </c>
      <c r="R17" s="1" t="s">
        <v>215</v>
      </c>
      <c r="S17" s="1" t="s">
        <v>186</v>
      </c>
      <c r="U17" s="1">
        <v>8.3000000000000007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47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35902777777777778</v>
      </c>
      <c r="C18" s="1" t="s">
        <v>663</v>
      </c>
      <c r="D18" s="1" t="s">
        <v>42</v>
      </c>
      <c r="E18" s="1" t="s">
        <v>672</v>
      </c>
      <c r="F18" s="1" t="s">
        <v>159</v>
      </c>
      <c r="G18" s="1" t="s">
        <v>421</v>
      </c>
      <c r="H18" s="1" t="s">
        <v>340</v>
      </c>
      <c r="I18" s="1" t="s">
        <v>383</v>
      </c>
      <c r="J18" s="1" t="s">
        <v>203</v>
      </c>
      <c r="K18" s="1" t="s">
        <v>451</v>
      </c>
      <c r="L18" s="1" t="s">
        <v>34</v>
      </c>
      <c r="N18" s="1" t="s">
        <v>35</v>
      </c>
      <c r="O18" s="1" t="s">
        <v>413</v>
      </c>
      <c r="P18" s="1" t="s">
        <v>37</v>
      </c>
      <c r="Q18" s="1" t="s">
        <v>165</v>
      </c>
      <c r="R18" s="1" t="s">
        <v>142</v>
      </c>
      <c r="S18" s="1" t="s">
        <v>397</v>
      </c>
      <c r="U18" s="1">
        <v>7.1</v>
      </c>
      <c r="V18" s="1"/>
      <c r="W18" s="1"/>
      <c r="X18" s="1">
        <v>4.8</v>
      </c>
      <c r="Y18" s="1">
        <v>0.42</v>
      </c>
      <c r="Z18" s="1"/>
      <c r="AA18" s="1" t="s">
        <v>723</v>
      </c>
      <c r="AB18" s="1" t="s">
        <v>73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8</v>
      </c>
      <c r="BC18" s="1">
        <v>3</v>
      </c>
      <c r="BD18" s="1">
        <v>3</v>
      </c>
      <c r="BE18" s="1"/>
      <c r="BF18" s="1"/>
      <c r="BG18" s="1"/>
      <c r="BH18" s="1"/>
      <c r="BI18" s="1"/>
      <c r="BJ18" s="1"/>
      <c r="BK18" s="1"/>
      <c r="BL18" s="1"/>
      <c r="BM18" s="1">
        <v>0.12</v>
      </c>
      <c r="BN18" s="1">
        <v>0.41</v>
      </c>
      <c r="BO18" s="1">
        <v>1000</v>
      </c>
      <c r="BP18" s="1">
        <v>40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7569444444444446</v>
      </c>
      <c r="C19" s="1" t="s">
        <v>663</v>
      </c>
      <c r="D19" s="1" t="s">
        <v>51</v>
      </c>
      <c r="E19" s="1" t="s">
        <v>672</v>
      </c>
      <c r="F19" s="1" t="s">
        <v>501</v>
      </c>
      <c r="G19" s="1" t="s">
        <v>502</v>
      </c>
      <c r="H19" s="1" t="s">
        <v>249</v>
      </c>
      <c r="I19" s="1" t="s">
        <v>477</v>
      </c>
      <c r="J19" s="1" t="s">
        <v>412</v>
      </c>
      <c r="K19" s="1" t="s">
        <v>300</v>
      </c>
      <c r="L19" s="1" t="s">
        <v>34</v>
      </c>
      <c r="N19" s="1" t="s">
        <v>35</v>
      </c>
      <c r="O19" s="1" t="s">
        <v>413</v>
      </c>
      <c r="P19" s="1" t="s">
        <v>37</v>
      </c>
      <c r="Q19" s="1" t="s">
        <v>121</v>
      </c>
      <c r="R19" s="1" t="s">
        <v>316</v>
      </c>
      <c r="S19" s="1" t="s">
        <v>185</v>
      </c>
      <c r="U19" s="1">
        <v>7.7</v>
      </c>
      <c r="V19" s="1"/>
      <c r="W19" s="1"/>
      <c r="X19" s="1"/>
      <c r="Y19" s="1"/>
      <c r="Z19" s="1"/>
      <c r="AA19" s="1" t="s">
        <v>723</v>
      </c>
      <c r="AB19" s="1" t="s">
        <v>723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30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3666666666666667</v>
      </c>
      <c r="C20" s="1" t="s">
        <v>663</v>
      </c>
      <c r="D20" s="1" t="s">
        <v>51</v>
      </c>
      <c r="E20" s="1" t="s">
        <v>664</v>
      </c>
      <c r="F20" s="1" t="s">
        <v>385</v>
      </c>
      <c r="G20" s="1" t="s">
        <v>503</v>
      </c>
      <c r="H20" s="1" t="s">
        <v>89</v>
      </c>
      <c r="I20" s="1" t="s">
        <v>440</v>
      </c>
      <c r="J20" s="1" t="s">
        <v>89</v>
      </c>
      <c r="K20" s="1" t="s">
        <v>56</v>
      </c>
      <c r="L20" s="1" t="s">
        <v>34</v>
      </c>
      <c r="N20" s="1" t="s">
        <v>35</v>
      </c>
      <c r="O20" s="1" t="s">
        <v>447</v>
      </c>
      <c r="P20" s="1" t="s">
        <v>37</v>
      </c>
      <c r="Q20" s="1" t="s">
        <v>164</v>
      </c>
      <c r="R20" s="1" t="s">
        <v>129</v>
      </c>
      <c r="S20" s="1" t="s">
        <v>260</v>
      </c>
      <c r="T20" s="1" t="s">
        <v>41</v>
      </c>
      <c r="U20" s="1">
        <v>6.5</v>
      </c>
      <c r="V20" s="3">
        <v>33000</v>
      </c>
      <c r="W20" s="1"/>
      <c r="X20" s="1">
        <v>4</v>
      </c>
      <c r="Y20" s="1">
        <v>0.57999999999999996</v>
      </c>
      <c r="Z20" s="1"/>
      <c r="AA20" s="1" t="s">
        <v>723</v>
      </c>
      <c r="AB20" s="1" t="s">
        <v>723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11</v>
      </c>
      <c r="BC20" s="1">
        <v>3.6</v>
      </c>
      <c r="BD20" s="1">
        <v>3.7</v>
      </c>
      <c r="BE20" s="1"/>
      <c r="BF20" s="1"/>
      <c r="BG20" s="1"/>
      <c r="BH20" s="1"/>
      <c r="BI20" s="1"/>
      <c r="BJ20" s="1"/>
      <c r="BK20" s="1"/>
      <c r="BL20" s="1"/>
      <c r="BM20" s="1">
        <v>0.17</v>
      </c>
      <c r="BN20" s="1">
        <v>0.51</v>
      </c>
      <c r="BO20" s="1">
        <v>75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729166666666667</v>
      </c>
      <c r="C21" s="1" t="s">
        <v>663</v>
      </c>
      <c r="D21" s="1" t="s">
        <v>51</v>
      </c>
      <c r="E21" s="1" t="s">
        <v>664</v>
      </c>
      <c r="F21" s="1" t="s">
        <v>287</v>
      </c>
      <c r="G21" s="1" t="s">
        <v>386</v>
      </c>
      <c r="H21" s="1" t="s">
        <v>333</v>
      </c>
      <c r="I21" s="1" t="s">
        <v>504</v>
      </c>
      <c r="J21" s="1" t="s">
        <v>89</v>
      </c>
      <c r="K21" s="1" t="s">
        <v>346</v>
      </c>
      <c r="L21" s="1" t="s">
        <v>34</v>
      </c>
      <c r="N21" s="1" t="s">
        <v>35</v>
      </c>
      <c r="O21" s="1" t="s">
        <v>413</v>
      </c>
      <c r="P21" s="1" t="s">
        <v>37</v>
      </c>
      <c r="Q21" s="1" t="s">
        <v>165</v>
      </c>
      <c r="R21" s="1" t="s">
        <v>215</v>
      </c>
      <c r="S21" s="1" t="s">
        <v>232</v>
      </c>
      <c r="U21" s="1">
        <v>7</v>
      </c>
      <c r="V21" s="1"/>
      <c r="W21" s="1"/>
      <c r="X21" s="1"/>
      <c r="Y21" s="1"/>
      <c r="Z21" s="1"/>
      <c r="AA21" s="1" t="s">
        <v>723</v>
      </c>
      <c r="AB21" s="1" t="s">
        <v>723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70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63</v>
      </c>
      <c r="B22" s="2">
        <v>0.37013888888888885</v>
      </c>
      <c r="C22" s="1" t="s">
        <v>663</v>
      </c>
      <c r="D22" s="1" t="s">
        <v>51</v>
      </c>
      <c r="E22" s="1" t="s">
        <v>28</v>
      </c>
      <c r="F22" s="1" t="s">
        <v>505</v>
      </c>
      <c r="G22" s="1" t="s">
        <v>487</v>
      </c>
      <c r="H22" s="1" t="s">
        <v>236</v>
      </c>
      <c r="I22" s="1" t="s">
        <v>380</v>
      </c>
      <c r="J22" s="1" t="s">
        <v>412</v>
      </c>
      <c r="K22" s="1" t="s">
        <v>310</v>
      </c>
      <c r="L22" s="1" t="s">
        <v>34</v>
      </c>
      <c r="N22" s="1" t="s">
        <v>35</v>
      </c>
      <c r="O22" s="1" t="s">
        <v>413</v>
      </c>
      <c r="P22" s="1" t="s">
        <v>37</v>
      </c>
      <c r="Q22" s="1" t="s">
        <v>121</v>
      </c>
      <c r="R22" s="1" t="s">
        <v>306</v>
      </c>
      <c r="S22" s="1" t="s">
        <v>296</v>
      </c>
      <c r="U22" s="1">
        <v>8</v>
      </c>
      <c r="V22" s="1"/>
      <c r="W22" s="1"/>
      <c r="X22" s="1">
        <v>5.0999999999999996</v>
      </c>
      <c r="Y22" s="1">
        <v>0.46</v>
      </c>
      <c r="Z22" s="1"/>
      <c r="AA22" s="1" t="s">
        <v>723</v>
      </c>
      <c r="AB22" s="1" t="s">
        <v>723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17</v>
      </c>
      <c r="BC22" s="1">
        <v>4.3</v>
      </c>
      <c r="BD22" s="1">
        <v>4.4000000000000004</v>
      </c>
      <c r="BE22" s="1"/>
      <c r="BF22" s="1"/>
      <c r="BG22" s="1"/>
      <c r="BH22" s="1"/>
      <c r="BI22" s="1"/>
      <c r="BJ22" s="1"/>
      <c r="BK22" s="1"/>
      <c r="BL22" s="1"/>
      <c r="BM22" s="1">
        <v>0.34</v>
      </c>
      <c r="BN22" s="1">
        <v>0.43</v>
      </c>
      <c r="BO22" s="1">
        <v>1500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8125</v>
      </c>
      <c r="C23" s="1" t="s">
        <v>663</v>
      </c>
      <c r="D23" s="1" t="s">
        <v>51</v>
      </c>
      <c r="E23" s="1" t="s">
        <v>28</v>
      </c>
      <c r="F23" s="1" t="s">
        <v>460</v>
      </c>
      <c r="G23" s="1" t="s">
        <v>487</v>
      </c>
      <c r="H23" s="1" t="s">
        <v>31</v>
      </c>
      <c r="I23" s="1" t="s">
        <v>56</v>
      </c>
      <c r="J23" s="1" t="s">
        <v>412</v>
      </c>
      <c r="K23" s="1" t="s">
        <v>506</v>
      </c>
      <c r="L23" s="1" t="s">
        <v>34</v>
      </c>
      <c r="N23" s="1" t="s">
        <v>35</v>
      </c>
      <c r="O23" s="1" t="s">
        <v>418</v>
      </c>
      <c r="P23" s="1" t="s">
        <v>37</v>
      </c>
      <c r="Q23" s="1" t="s">
        <v>165</v>
      </c>
      <c r="R23" s="1" t="s">
        <v>129</v>
      </c>
      <c r="S23" s="1" t="s">
        <v>448</v>
      </c>
      <c r="U23" s="1">
        <v>9.1999999999999993</v>
      </c>
      <c r="V23" s="1"/>
      <c r="W23" s="1"/>
      <c r="X23" s="1"/>
      <c r="Y23" s="1"/>
      <c r="Z23" s="1"/>
      <c r="AA23" s="1" t="s">
        <v>723</v>
      </c>
      <c r="AB23" s="1" t="s">
        <v>723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70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474</v>
      </c>
      <c r="B24" s="2">
        <v>0.36736111111111108</v>
      </c>
      <c r="C24" s="1" t="s">
        <v>663</v>
      </c>
      <c r="D24" s="1" t="s">
        <v>42</v>
      </c>
      <c r="E24" s="1" t="s">
        <v>28</v>
      </c>
      <c r="F24" s="1" t="s">
        <v>302</v>
      </c>
      <c r="G24" s="1" t="s">
        <v>487</v>
      </c>
      <c r="H24" s="1" t="s">
        <v>507</v>
      </c>
      <c r="I24" s="1" t="s">
        <v>508</v>
      </c>
      <c r="J24" s="1" t="s">
        <v>333</v>
      </c>
      <c r="K24" s="1" t="s">
        <v>337</v>
      </c>
      <c r="L24" s="1" t="s">
        <v>34</v>
      </c>
      <c r="N24" s="1" t="s">
        <v>509</v>
      </c>
      <c r="O24" s="1" t="s">
        <v>36</v>
      </c>
      <c r="P24" s="1" t="s">
        <v>37</v>
      </c>
      <c r="Q24" s="1" t="s">
        <v>266</v>
      </c>
      <c r="R24" s="1" t="s">
        <v>215</v>
      </c>
      <c r="S24" s="1" t="s">
        <v>169</v>
      </c>
      <c r="T24" s="1" t="s">
        <v>69</v>
      </c>
      <c r="U24" s="1">
        <v>7.2</v>
      </c>
      <c r="V24" s="3">
        <v>24000</v>
      </c>
      <c r="W24" s="1" t="s">
        <v>682</v>
      </c>
      <c r="X24" s="1">
        <v>5.5</v>
      </c>
      <c r="Y24" s="1">
        <v>0.64</v>
      </c>
      <c r="Z24" s="1">
        <v>3.7999999999999999E-2</v>
      </c>
      <c r="AA24" s="1" t="s">
        <v>728</v>
      </c>
      <c r="AB24" s="1" t="s">
        <v>747</v>
      </c>
      <c r="AC24" s="1" t="s">
        <v>683</v>
      </c>
      <c r="AD24" s="1" t="s">
        <v>689</v>
      </c>
      <c r="AE24" s="1" t="s">
        <v>687</v>
      </c>
      <c r="AF24" s="1" t="s">
        <v>686</v>
      </c>
      <c r="AG24" s="1">
        <v>1.1999999999999999E-3</v>
      </c>
      <c r="AH24" s="1" t="s">
        <v>687</v>
      </c>
      <c r="AI24" s="1"/>
      <c r="AJ24" s="1" t="s">
        <v>687</v>
      </c>
      <c r="AK24" s="1" t="s">
        <v>688</v>
      </c>
      <c r="AL24" s="1" t="s">
        <v>688</v>
      </c>
      <c r="AM24" s="1" t="s">
        <v>688</v>
      </c>
      <c r="AN24" s="1" t="s">
        <v>688</v>
      </c>
      <c r="AO24" s="1" t="s">
        <v>688</v>
      </c>
      <c r="AP24" t="s">
        <v>688</v>
      </c>
      <c r="AQ24" s="1" t="s">
        <v>688</v>
      </c>
      <c r="AR24" s="1" t="s">
        <v>688</v>
      </c>
      <c r="AS24" s="1" t="s">
        <v>688</v>
      </c>
      <c r="AT24" s="1" t="s">
        <v>696</v>
      </c>
      <c r="AU24" s="1"/>
      <c r="AV24" s="1"/>
      <c r="AW24" s="1"/>
      <c r="AX24" s="1" t="s">
        <v>688</v>
      </c>
      <c r="AY24" s="1" t="s">
        <v>687</v>
      </c>
      <c r="AZ24" s="1">
        <v>0.27</v>
      </c>
      <c r="BA24" s="1">
        <v>1.2</v>
      </c>
      <c r="BB24" s="1">
        <v>0.25</v>
      </c>
      <c r="BC24" s="1">
        <v>3.8</v>
      </c>
      <c r="BD24" s="1">
        <v>4</v>
      </c>
      <c r="BE24" s="1" t="s">
        <v>685</v>
      </c>
      <c r="BF24" s="1"/>
      <c r="BG24" s="1"/>
      <c r="BH24" s="1"/>
      <c r="BI24" s="1"/>
      <c r="BJ24" s="1"/>
      <c r="BK24" s="1"/>
      <c r="BL24" s="1"/>
      <c r="BM24" s="1">
        <v>0.63</v>
      </c>
      <c r="BN24" s="1">
        <v>0.6</v>
      </c>
      <c r="BO24" s="1">
        <v>1400</v>
      </c>
      <c r="BP24" s="1">
        <v>600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7847222222222223</v>
      </c>
      <c r="C25" s="1" t="s">
        <v>663</v>
      </c>
      <c r="D25" s="1" t="s">
        <v>42</v>
      </c>
      <c r="E25" s="1" t="s">
        <v>28</v>
      </c>
      <c r="F25" s="1" t="s">
        <v>419</v>
      </c>
      <c r="G25" s="1" t="s">
        <v>510</v>
      </c>
      <c r="H25" s="1" t="s">
        <v>31</v>
      </c>
      <c r="I25" s="1" t="s">
        <v>55</v>
      </c>
      <c r="J25" s="1" t="s">
        <v>412</v>
      </c>
      <c r="K25" s="1" t="s">
        <v>263</v>
      </c>
      <c r="L25" s="1" t="s">
        <v>34</v>
      </c>
      <c r="N25" s="1" t="s">
        <v>35</v>
      </c>
      <c r="O25" s="1" t="s">
        <v>36</v>
      </c>
      <c r="P25" s="1" t="s">
        <v>37</v>
      </c>
      <c r="Q25" s="1" t="s">
        <v>164</v>
      </c>
      <c r="R25" s="1" t="s">
        <v>129</v>
      </c>
      <c r="S25" s="1" t="s">
        <v>164</v>
      </c>
      <c r="U25" s="1">
        <v>7.7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690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80</v>
      </c>
      <c r="B26" s="2">
        <v>0.36458333333333331</v>
      </c>
      <c r="C26" s="1" t="s">
        <v>663</v>
      </c>
      <c r="D26" s="1" t="s">
        <v>42</v>
      </c>
      <c r="E26" s="1" t="s">
        <v>28</v>
      </c>
      <c r="F26" s="1" t="s">
        <v>511</v>
      </c>
      <c r="G26" s="1" t="s">
        <v>318</v>
      </c>
      <c r="H26" s="1" t="s">
        <v>249</v>
      </c>
      <c r="I26" s="1" t="s">
        <v>74</v>
      </c>
      <c r="J26" s="1" t="s">
        <v>333</v>
      </c>
      <c r="K26" s="1" t="s">
        <v>91</v>
      </c>
      <c r="L26" s="1" t="s">
        <v>479</v>
      </c>
      <c r="N26" s="1" t="s">
        <v>35</v>
      </c>
      <c r="O26" s="1" t="s">
        <v>453</v>
      </c>
      <c r="P26" s="1" t="s">
        <v>482</v>
      </c>
      <c r="Q26" s="1" t="s">
        <v>165</v>
      </c>
      <c r="R26" s="1" t="s">
        <v>130</v>
      </c>
      <c r="S26" s="1" t="s">
        <v>358</v>
      </c>
      <c r="U26" s="1">
        <v>8.9</v>
      </c>
      <c r="V26" s="1"/>
      <c r="W26" s="1"/>
      <c r="X26" s="1">
        <v>5.0999999999999996</v>
      </c>
      <c r="Y26" s="1">
        <v>0.4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687</v>
      </c>
      <c r="AV26" s="1" t="s">
        <v>683</v>
      </c>
      <c r="AW26" s="1" t="s">
        <v>683</v>
      </c>
      <c r="AX26" s="1"/>
      <c r="AY26" s="1"/>
      <c r="AZ26" s="1"/>
      <c r="BA26" s="1"/>
      <c r="BB26" s="1">
        <v>0.1</v>
      </c>
      <c r="BC26" s="1">
        <v>3.4</v>
      </c>
      <c r="BD26" s="1">
        <v>3.5</v>
      </c>
      <c r="BE26" s="1"/>
      <c r="BF26" s="1"/>
      <c r="BG26" s="1"/>
      <c r="BH26" s="1"/>
      <c r="BI26" s="1"/>
      <c r="BJ26" s="1"/>
      <c r="BK26" s="1"/>
      <c r="BL26" s="1"/>
      <c r="BM26" s="1">
        <v>0.14000000000000001</v>
      </c>
      <c r="BN26" s="1">
        <v>0.32</v>
      </c>
      <c r="BO26" s="1">
        <v>85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4444444444444446</v>
      </c>
      <c r="C27" s="1" t="s">
        <v>663</v>
      </c>
      <c r="D27" s="1" t="s">
        <v>42</v>
      </c>
      <c r="E27" s="1" t="s">
        <v>28</v>
      </c>
      <c r="F27" s="1" t="s">
        <v>512</v>
      </c>
      <c r="G27" s="1" t="s">
        <v>513</v>
      </c>
      <c r="H27" s="1" t="s">
        <v>327</v>
      </c>
      <c r="I27" s="1" t="s">
        <v>514</v>
      </c>
      <c r="J27" s="1" t="s">
        <v>412</v>
      </c>
      <c r="K27" s="1" t="s">
        <v>462</v>
      </c>
      <c r="L27" s="1" t="s">
        <v>515</v>
      </c>
      <c r="N27" s="1" t="s">
        <v>35</v>
      </c>
      <c r="O27" s="1" t="s">
        <v>480</v>
      </c>
      <c r="P27" s="1" t="s">
        <v>482</v>
      </c>
      <c r="Q27" s="1" t="s">
        <v>38</v>
      </c>
      <c r="R27" s="1" t="s">
        <v>177</v>
      </c>
      <c r="S27" s="1" t="s">
        <v>209</v>
      </c>
      <c r="U27" s="1">
        <v>8.1999999999999993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8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40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75</v>
      </c>
      <c r="C1" s="1" t="s">
        <v>1</v>
      </c>
      <c r="D1" s="1" t="s">
        <v>707</v>
      </c>
      <c r="E1" s="1" t="s">
        <v>2</v>
      </c>
      <c r="F1" s="1" t="s">
        <v>654</v>
      </c>
      <c r="G1" s="1" t="s">
        <v>3</v>
      </c>
      <c r="H1" s="1" t="s">
        <v>67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56</v>
      </c>
      <c r="V2" s="1" t="s">
        <v>605</v>
      </c>
      <c r="W2" s="1" t="s">
        <v>679</v>
      </c>
      <c r="X2" s="1" t="s">
        <v>606</v>
      </c>
      <c r="Y2" s="1" t="s">
        <v>607</v>
      </c>
      <c r="Z2" s="1" t="s">
        <v>608</v>
      </c>
      <c r="AA2" s="1" t="s">
        <v>711</v>
      </c>
      <c r="AB2" s="1" t="s">
        <v>718</v>
      </c>
      <c r="AC2" s="1" t="s">
        <v>609</v>
      </c>
      <c r="AD2" s="1" t="s">
        <v>610</v>
      </c>
      <c r="AE2" s="1" t="s">
        <v>680</v>
      </c>
      <c r="AF2" s="1" t="s">
        <v>611</v>
      </c>
      <c r="AG2" s="1" t="s">
        <v>612</v>
      </c>
      <c r="AH2" s="1" t="s">
        <v>613</v>
      </c>
      <c r="AI2" s="1" t="s">
        <v>614</v>
      </c>
      <c r="AJ2" s="1" t="s">
        <v>615</v>
      </c>
      <c r="AK2" s="1" t="s">
        <v>616</v>
      </c>
      <c r="AL2" s="1" t="s">
        <v>617</v>
      </c>
      <c r="AM2" s="1" t="s">
        <v>618</v>
      </c>
      <c r="AN2" s="1" t="s">
        <v>619</v>
      </c>
      <c r="AO2" s="1" t="s">
        <v>620</v>
      </c>
      <c r="AP2" t="s">
        <v>704</v>
      </c>
      <c r="AQ2" s="1" t="s">
        <v>621</v>
      </c>
      <c r="AR2" s="1" t="s">
        <v>622</v>
      </c>
      <c r="AS2" s="1" t="s">
        <v>623</v>
      </c>
      <c r="AT2" s="1" t="s">
        <v>690</v>
      </c>
      <c r="AU2" s="1" t="s">
        <v>624</v>
      </c>
      <c r="AV2" s="1" t="s">
        <v>625</v>
      </c>
      <c r="AW2" s="1" t="s">
        <v>626</v>
      </c>
      <c r="AX2" s="1" t="s">
        <v>627</v>
      </c>
      <c r="AY2" s="1" t="s">
        <v>628</v>
      </c>
      <c r="AZ2" s="1" t="s">
        <v>629</v>
      </c>
      <c r="BA2" s="1" t="s">
        <v>630</v>
      </c>
      <c r="BB2" s="1" t="s">
        <v>631</v>
      </c>
      <c r="BC2" s="1" t="s">
        <v>632</v>
      </c>
      <c r="BD2" s="1" t="s">
        <v>633</v>
      </c>
      <c r="BE2" s="1" t="s">
        <v>714</v>
      </c>
      <c r="BF2" s="1" t="s">
        <v>634</v>
      </c>
      <c r="BG2" s="1" t="s">
        <v>691</v>
      </c>
      <c r="BH2" s="1" t="s">
        <v>692</v>
      </c>
      <c r="BI2" s="1" t="s">
        <v>635</v>
      </c>
      <c r="BJ2" s="1" t="s">
        <v>636</v>
      </c>
      <c r="BK2" s="1" t="s">
        <v>637</v>
      </c>
      <c r="BL2" s="1" t="s">
        <v>638</v>
      </c>
      <c r="BM2" s="1" t="s">
        <v>639</v>
      </c>
      <c r="BN2" s="1" t="s">
        <v>640</v>
      </c>
      <c r="BO2" s="1" t="s">
        <v>641</v>
      </c>
      <c r="BP2" s="1" t="s">
        <v>642</v>
      </c>
      <c r="BQ2" s="1" t="s">
        <v>643</v>
      </c>
      <c r="BR2" s="1" t="s">
        <v>644</v>
      </c>
      <c r="BS2" s="1" t="s">
        <v>645</v>
      </c>
      <c r="BT2" s="1" t="s">
        <v>646</v>
      </c>
      <c r="BU2" s="1" t="s">
        <v>647</v>
      </c>
      <c r="BV2" s="1" t="s">
        <v>648</v>
      </c>
      <c r="BW2" s="1" t="s">
        <v>649</v>
      </c>
      <c r="BX2" s="1" t="s">
        <v>650</v>
      </c>
      <c r="BY2" s="1" t="s">
        <v>651</v>
      </c>
      <c r="BZ2" s="1" t="s">
        <v>697</v>
      </c>
    </row>
    <row r="3" spans="1:78" x14ac:dyDescent="0.15">
      <c r="A3" s="1" t="s">
        <v>657</v>
      </c>
      <c r="B3" s="1" t="s">
        <v>658</v>
      </c>
      <c r="C3" s="1"/>
      <c r="D3" s="1"/>
      <c r="E3" s="1"/>
      <c r="F3" s="1" t="s">
        <v>659</v>
      </c>
      <c r="G3" s="1" t="s">
        <v>659</v>
      </c>
      <c r="H3" s="1" t="s">
        <v>660</v>
      </c>
      <c r="I3" s="1" t="s">
        <v>24</v>
      </c>
      <c r="J3" s="1" t="s">
        <v>661</v>
      </c>
      <c r="K3" s="1" t="s">
        <v>661</v>
      </c>
      <c r="L3" s="1" t="s">
        <v>662</v>
      </c>
      <c r="M3" s="1" t="s">
        <v>6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8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98</v>
      </c>
      <c r="BP3" s="1" t="s">
        <v>25</v>
      </c>
      <c r="BQ3" s="1" t="s">
        <v>699</v>
      </c>
      <c r="BR3" s="1" t="s">
        <v>25</v>
      </c>
      <c r="BS3" s="1" t="s">
        <v>25</v>
      </c>
      <c r="BT3" s="1" t="s">
        <v>7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9166666666666666</v>
      </c>
      <c r="C4" s="1" t="s">
        <v>663</v>
      </c>
      <c r="D4" s="1" t="s">
        <v>42</v>
      </c>
      <c r="E4" s="1" t="s">
        <v>28</v>
      </c>
      <c r="F4" s="1" t="s">
        <v>516</v>
      </c>
      <c r="G4" s="1" t="s">
        <v>385</v>
      </c>
      <c r="H4" s="1" t="s">
        <v>89</v>
      </c>
      <c r="I4" s="1" t="s">
        <v>517</v>
      </c>
      <c r="J4" s="1" t="s">
        <v>412</v>
      </c>
      <c r="K4" s="1" t="s">
        <v>190</v>
      </c>
      <c r="L4" s="1" t="s">
        <v>34</v>
      </c>
      <c r="N4" s="1" t="s">
        <v>35</v>
      </c>
      <c r="O4" s="1" t="s">
        <v>36</v>
      </c>
      <c r="P4" s="1" t="s">
        <v>37</v>
      </c>
      <c r="Q4" s="1" t="s">
        <v>58</v>
      </c>
      <c r="R4" s="1" t="s">
        <v>316</v>
      </c>
      <c r="S4" s="1" t="s">
        <v>193</v>
      </c>
      <c r="T4" s="1" t="s">
        <v>49</v>
      </c>
      <c r="U4" s="1">
        <v>7.2</v>
      </c>
      <c r="V4" s="3">
        <v>490</v>
      </c>
      <c r="W4" s="1"/>
      <c r="X4" s="1">
        <v>0.45</v>
      </c>
      <c r="Y4" s="1">
        <v>6.3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689</v>
      </c>
      <c r="BC4" s="1">
        <v>0.17</v>
      </c>
      <c r="BD4" s="1">
        <v>0.22</v>
      </c>
      <c r="BE4" s="1"/>
      <c r="BF4" s="1"/>
      <c r="BG4" s="1"/>
      <c r="BH4" s="1"/>
      <c r="BI4" s="1"/>
      <c r="BJ4" s="1"/>
      <c r="BK4" s="1"/>
      <c r="BL4" s="1"/>
      <c r="BM4" s="1">
        <v>0.09</v>
      </c>
      <c r="BN4" s="1">
        <v>4.4999999999999998E-2</v>
      </c>
      <c r="BO4" s="1">
        <v>4400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5347222222222221</v>
      </c>
      <c r="C5" s="1" t="s">
        <v>663</v>
      </c>
      <c r="D5" s="1" t="s">
        <v>42</v>
      </c>
      <c r="E5" s="1" t="s">
        <v>28</v>
      </c>
      <c r="F5" s="1" t="s">
        <v>144</v>
      </c>
      <c r="G5" s="1" t="s">
        <v>518</v>
      </c>
      <c r="H5" s="1" t="s">
        <v>31</v>
      </c>
      <c r="I5" s="1" t="s">
        <v>519</v>
      </c>
      <c r="J5" s="1" t="s">
        <v>412</v>
      </c>
      <c r="K5" s="1" t="s">
        <v>520</v>
      </c>
      <c r="L5" s="1" t="s">
        <v>34</v>
      </c>
      <c r="N5" s="1" t="s">
        <v>35</v>
      </c>
      <c r="O5" s="1" t="s">
        <v>36</v>
      </c>
      <c r="P5" s="1" t="s">
        <v>37</v>
      </c>
      <c r="Q5" s="1" t="s">
        <v>58</v>
      </c>
      <c r="R5" s="1" t="s">
        <v>59</v>
      </c>
      <c r="S5" s="1" t="s">
        <v>40</v>
      </c>
      <c r="U5" s="1">
        <v>7.7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90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0</v>
      </c>
      <c r="B6" s="2">
        <v>0.38958333333333334</v>
      </c>
      <c r="C6" s="1" t="s">
        <v>663</v>
      </c>
      <c r="D6" s="1" t="s">
        <v>415</v>
      </c>
      <c r="E6" s="1" t="s">
        <v>28</v>
      </c>
      <c r="F6" s="1" t="s">
        <v>273</v>
      </c>
      <c r="G6" s="1" t="s">
        <v>521</v>
      </c>
      <c r="H6" s="1" t="s">
        <v>54</v>
      </c>
      <c r="I6" s="1" t="s">
        <v>522</v>
      </c>
      <c r="J6" s="1" t="s">
        <v>412</v>
      </c>
      <c r="K6" s="1" t="s">
        <v>523</v>
      </c>
      <c r="L6" s="1" t="s">
        <v>34</v>
      </c>
      <c r="N6" s="1" t="s">
        <v>491</v>
      </c>
      <c r="O6" s="1" t="s">
        <v>36</v>
      </c>
      <c r="P6" s="1" t="s">
        <v>37</v>
      </c>
      <c r="Q6" s="1" t="s">
        <v>58</v>
      </c>
      <c r="R6" s="1" t="s">
        <v>77</v>
      </c>
      <c r="S6" s="1" t="s">
        <v>177</v>
      </c>
      <c r="U6" s="1">
        <v>8.5</v>
      </c>
      <c r="V6" s="1"/>
      <c r="W6" s="1"/>
      <c r="X6" s="1">
        <v>0.43</v>
      </c>
      <c r="Y6" s="1">
        <v>5.5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689</v>
      </c>
      <c r="BC6" s="1">
        <v>0.15</v>
      </c>
      <c r="BD6" s="1">
        <v>0.2</v>
      </c>
      <c r="BE6" s="1"/>
      <c r="BF6" s="1"/>
      <c r="BG6" s="1"/>
      <c r="BH6" s="1"/>
      <c r="BI6" s="1"/>
      <c r="BJ6" s="1"/>
      <c r="BK6" s="1"/>
      <c r="BL6" s="1"/>
      <c r="BM6" s="1">
        <v>0.08</v>
      </c>
      <c r="BN6" s="1">
        <v>3.5000000000000003E-2</v>
      </c>
      <c r="BO6" s="1">
        <v>4000</v>
      </c>
      <c r="BP6" s="1">
        <v>1700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79305555555555562</v>
      </c>
      <c r="C7" s="1" t="s">
        <v>663</v>
      </c>
      <c r="D7" s="1" t="s">
        <v>415</v>
      </c>
      <c r="E7" s="1" t="s">
        <v>28</v>
      </c>
      <c r="F7" s="1" t="s">
        <v>500</v>
      </c>
      <c r="G7" s="1" t="s">
        <v>273</v>
      </c>
      <c r="H7" s="1" t="s">
        <v>524</v>
      </c>
      <c r="I7" s="1" t="s">
        <v>525</v>
      </c>
      <c r="J7" s="1" t="s">
        <v>412</v>
      </c>
      <c r="K7" s="1" t="s">
        <v>526</v>
      </c>
      <c r="L7" s="1" t="s">
        <v>34</v>
      </c>
      <c r="N7" s="1" t="s">
        <v>509</v>
      </c>
      <c r="O7" s="1" t="s">
        <v>36</v>
      </c>
      <c r="P7" s="1" t="s">
        <v>37</v>
      </c>
      <c r="Q7" s="1" t="s">
        <v>100</v>
      </c>
      <c r="R7" s="1" t="s">
        <v>316</v>
      </c>
      <c r="S7" s="1" t="s">
        <v>527</v>
      </c>
      <c r="U7" s="1">
        <v>9.1999999999999993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80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27</v>
      </c>
      <c r="B8" s="2">
        <v>0.39374999999999999</v>
      </c>
      <c r="C8" s="1" t="s">
        <v>663</v>
      </c>
      <c r="D8" s="1" t="s">
        <v>51</v>
      </c>
      <c r="E8" s="1" t="s">
        <v>28</v>
      </c>
      <c r="F8" s="1" t="s">
        <v>439</v>
      </c>
      <c r="G8" s="1" t="s">
        <v>227</v>
      </c>
      <c r="H8" s="1" t="s">
        <v>96</v>
      </c>
      <c r="I8" s="1" t="s">
        <v>528</v>
      </c>
      <c r="J8" s="1" t="s">
        <v>412</v>
      </c>
      <c r="K8" s="1" t="s">
        <v>529</v>
      </c>
      <c r="L8" s="1" t="s">
        <v>34</v>
      </c>
      <c r="N8" s="1" t="s">
        <v>509</v>
      </c>
      <c r="O8" s="1" t="s">
        <v>36</v>
      </c>
      <c r="P8" s="1" t="s">
        <v>37</v>
      </c>
      <c r="Q8" s="1" t="s">
        <v>58</v>
      </c>
      <c r="R8" s="1" t="s">
        <v>142</v>
      </c>
      <c r="S8" s="1" t="s">
        <v>177</v>
      </c>
      <c r="T8" s="1" t="s">
        <v>69</v>
      </c>
      <c r="U8" s="1">
        <v>5.7</v>
      </c>
      <c r="V8" s="3">
        <v>240</v>
      </c>
      <c r="W8" s="1"/>
      <c r="X8" s="1">
        <v>0.41</v>
      </c>
      <c r="Y8" s="1">
        <v>7.1999999999999995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689</v>
      </c>
      <c r="BC8" s="1">
        <v>0.14000000000000001</v>
      </c>
      <c r="BD8" s="1">
        <v>0.19</v>
      </c>
      <c r="BE8" s="1"/>
      <c r="BF8" s="1"/>
      <c r="BG8" s="1"/>
      <c r="BH8" s="1"/>
      <c r="BI8" s="1"/>
      <c r="BJ8" s="1"/>
      <c r="BK8" s="1"/>
      <c r="BL8" s="1"/>
      <c r="BM8" s="1">
        <v>0.11</v>
      </c>
      <c r="BN8" s="1">
        <v>5.8999999999999997E-2</v>
      </c>
      <c r="BO8" s="1">
        <v>360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9513888888888884</v>
      </c>
      <c r="C9" s="1" t="s">
        <v>663</v>
      </c>
      <c r="D9" s="1" t="s">
        <v>51</v>
      </c>
      <c r="E9" s="1" t="s">
        <v>28</v>
      </c>
      <c r="F9" s="1" t="s">
        <v>124</v>
      </c>
      <c r="G9" s="1" t="s">
        <v>132</v>
      </c>
      <c r="H9" s="1" t="s">
        <v>294</v>
      </c>
      <c r="I9" s="1" t="s">
        <v>530</v>
      </c>
      <c r="J9" s="1" t="s">
        <v>412</v>
      </c>
      <c r="K9" s="1" t="s">
        <v>531</v>
      </c>
      <c r="L9" s="1" t="s">
        <v>34</v>
      </c>
      <c r="N9" s="1" t="s">
        <v>35</v>
      </c>
      <c r="O9" s="1" t="s">
        <v>36</v>
      </c>
      <c r="P9" s="1" t="s">
        <v>37</v>
      </c>
      <c r="Q9" s="1" t="s">
        <v>67</v>
      </c>
      <c r="R9" s="1" t="s">
        <v>424</v>
      </c>
      <c r="S9" s="1" t="s">
        <v>102</v>
      </c>
      <c r="U9" s="1">
        <v>9.4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470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6</v>
      </c>
      <c r="B10" s="2">
        <v>0.3972222222222222</v>
      </c>
      <c r="C10" s="1" t="s">
        <v>663</v>
      </c>
      <c r="D10" s="1" t="s">
        <v>51</v>
      </c>
      <c r="E10" s="1" t="s">
        <v>28</v>
      </c>
      <c r="F10" s="1" t="s">
        <v>254</v>
      </c>
      <c r="G10" s="1" t="s">
        <v>532</v>
      </c>
      <c r="H10" s="1" t="s">
        <v>31</v>
      </c>
      <c r="I10" s="1" t="s">
        <v>533</v>
      </c>
      <c r="J10" s="1" t="s">
        <v>412</v>
      </c>
      <c r="K10" s="1" t="s">
        <v>534</v>
      </c>
      <c r="L10" s="1" t="s">
        <v>34</v>
      </c>
      <c r="N10" s="1" t="s">
        <v>35</v>
      </c>
      <c r="O10" s="1" t="s">
        <v>36</v>
      </c>
      <c r="P10" s="1" t="s">
        <v>37</v>
      </c>
      <c r="Q10" s="1" t="s">
        <v>67</v>
      </c>
      <c r="R10" s="1" t="s">
        <v>129</v>
      </c>
      <c r="S10" s="1" t="s">
        <v>527</v>
      </c>
      <c r="U10" s="1">
        <v>6.6</v>
      </c>
      <c r="V10" s="1"/>
      <c r="W10" s="1"/>
      <c r="X10" s="1">
        <v>0.31</v>
      </c>
      <c r="Y10" s="1">
        <v>6.8000000000000005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87</v>
      </c>
      <c r="AV10" s="1" t="s">
        <v>683</v>
      </c>
      <c r="AW10" s="1" t="s">
        <v>683</v>
      </c>
      <c r="AX10" s="1"/>
      <c r="AY10" s="1"/>
      <c r="AZ10" s="1"/>
      <c r="BA10" s="1"/>
      <c r="BB10" s="1" t="s">
        <v>689</v>
      </c>
      <c r="BC10" s="1">
        <v>0.11</v>
      </c>
      <c r="BD10" s="1">
        <v>0.16</v>
      </c>
      <c r="BE10" s="1"/>
      <c r="BF10" s="1"/>
      <c r="BG10" s="1"/>
      <c r="BH10" s="1"/>
      <c r="BI10" s="1"/>
      <c r="BJ10" s="1"/>
      <c r="BK10" s="1" t="s">
        <v>687</v>
      </c>
      <c r="BL10" s="1"/>
      <c r="BM10" s="1">
        <v>0.06</v>
      </c>
      <c r="BN10" s="1">
        <v>4.1000000000000002E-2</v>
      </c>
      <c r="BO10" s="1">
        <v>3500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7222222222222225</v>
      </c>
      <c r="C11" s="1" t="s">
        <v>663</v>
      </c>
      <c r="D11" s="1" t="s">
        <v>51</v>
      </c>
      <c r="E11" s="1" t="s">
        <v>28</v>
      </c>
      <c r="F11" s="1" t="s">
        <v>535</v>
      </c>
      <c r="G11" s="1" t="s">
        <v>211</v>
      </c>
      <c r="H11" s="1" t="s">
        <v>536</v>
      </c>
      <c r="I11" s="1" t="s">
        <v>537</v>
      </c>
      <c r="J11" s="1" t="s">
        <v>412</v>
      </c>
      <c r="K11" s="1" t="s">
        <v>538</v>
      </c>
      <c r="L11" s="1" t="s">
        <v>479</v>
      </c>
      <c r="N11" s="1" t="s">
        <v>509</v>
      </c>
      <c r="O11" s="1" t="s">
        <v>463</v>
      </c>
      <c r="P11" s="1" t="s">
        <v>37</v>
      </c>
      <c r="Q11" s="1" t="s">
        <v>209</v>
      </c>
      <c r="R11" s="1" t="s">
        <v>157</v>
      </c>
      <c r="S11" s="1" t="s">
        <v>130</v>
      </c>
      <c r="U11" s="1">
        <v>7.8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400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37</v>
      </c>
      <c r="B12" s="2">
        <v>0.40625</v>
      </c>
      <c r="C12" s="1" t="s">
        <v>663</v>
      </c>
      <c r="D12" s="1" t="s">
        <v>27</v>
      </c>
      <c r="E12" s="1" t="s">
        <v>28</v>
      </c>
      <c r="F12" s="1" t="s">
        <v>495</v>
      </c>
      <c r="G12" s="1" t="s">
        <v>539</v>
      </c>
      <c r="H12" s="1" t="s">
        <v>363</v>
      </c>
      <c r="I12" s="1" t="s">
        <v>540</v>
      </c>
      <c r="J12" s="1" t="s">
        <v>412</v>
      </c>
      <c r="K12" s="1" t="s">
        <v>541</v>
      </c>
      <c r="L12" s="1" t="s">
        <v>34</v>
      </c>
      <c r="N12" s="1" t="s">
        <v>35</v>
      </c>
      <c r="O12" s="1" t="s">
        <v>413</v>
      </c>
      <c r="P12" s="1" t="s">
        <v>37</v>
      </c>
      <c r="Q12" s="1" t="s">
        <v>58</v>
      </c>
      <c r="R12" s="1" t="s">
        <v>77</v>
      </c>
      <c r="S12" s="1" t="s">
        <v>185</v>
      </c>
      <c r="T12" s="1" t="s">
        <v>409</v>
      </c>
      <c r="U12" s="1">
        <v>5.6</v>
      </c>
      <c r="V12" s="3">
        <v>240</v>
      </c>
      <c r="W12" s="1" t="s">
        <v>682</v>
      </c>
      <c r="X12" s="1">
        <v>0.54</v>
      </c>
      <c r="Y12" s="1">
        <v>7.8E-2</v>
      </c>
      <c r="Z12" s="1">
        <v>3.3E-3</v>
      </c>
      <c r="AA12" s="1" t="s">
        <v>728</v>
      </c>
      <c r="AB12" s="1" t="s">
        <v>739</v>
      </c>
      <c r="AC12" s="1" t="s">
        <v>683</v>
      </c>
      <c r="AD12" s="1" t="s">
        <v>689</v>
      </c>
      <c r="AE12" s="1">
        <v>5.9999999999999995E-4</v>
      </c>
      <c r="AF12" s="1" t="s">
        <v>686</v>
      </c>
      <c r="AG12" s="1">
        <v>2.8999999999999998E-3</v>
      </c>
      <c r="AH12" s="1" t="s">
        <v>687</v>
      </c>
      <c r="AI12" s="1"/>
      <c r="AJ12" s="1" t="s">
        <v>687</v>
      </c>
      <c r="AK12" s="1" t="s">
        <v>688</v>
      </c>
      <c r="AL12" s="1" t="s">
        <v>688</v>
      </c>
      <c r="AM12" s="1" t="s">
        <v>688</v>
      </c>
      <c r="AN12" s="1" t="s">
        <v>688</v>
      </c>
      <c r="AO12" s="1" t="s">
        <v>688</v>
      </c>
      <c r="AP12" t="s">
        <v>688</v>
      </c>
      <c r="AQ12" s="1" t="s">
        <v>688</v>
      </c>
      <c r="AR12" s="1" t="s">
        <v>688</v>
      </c>
      <c r="AS12" s="1" t="s">
        <v>688</v>
      </c>
      <c r="AT12" s="1" t="s">
        <v>696</v>
      </c>
      <c r="AU12" s="1"/>
      <c r="AV12" s="1"/>
      <c r="AW12" s="1"/>
      <c r="AX12" s="1" t="s">
        <v>688</v>
      </c>
      <c r="AY12" s="1" t="s">
        <v>687</v>
      </c>
      <c r="AZ12" s="1"/>
      <c r="BA12" s="1"/>
      <c r="BB12" s="1" t="s">
        <v>689</v>
      </c>
      <c r="BC12" s="1">
        <v>0.12</v>
      </c>
      <c r="BD12" s="1">
        <v>0.17</v>
      </c>
      <c r="BE12" s="1" t="s">
        <v>685</v>
      </c>
      <c r="BF12" s="1"/>
      <c r="BG12" s="1"/>
      <c r="BH12" s="1"/>
      <c r="BI12" s="1"/>
      <c r="BJ12" s="1"/>
      <c r="BK12" s="1"/>
      <c r="BL12" s="1"/>
      <c r="BM12" s="1">
        <v>0.2</v>
      </c>
      <c r="BN12" s="1">
        <v>6.9000000000000006E-2</v>
      </c>
      <c r="BO12" s="1">
        <v>4100</v>
      </c>
      <c r="BP12" s="1">
        <v>1800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6388888888888884</v>
      </c>
      <c r="C13" s="1" t="s">
        <v>663</v>
      </c>
      <c r="D13" s="1" t="s">
        <v>42</v>
      </c>
      <c r="E13" s="1" t="s">
        <v>28</v>
      </c>
      <c r="F13" s="1" t="s">
        <v>496</v>
      </c>
      <c r="G13" s="1" t="s">
        <v>211</v>
      </c>
      <c r="H13" s="1" t="s">
        <v>440</v>
      </c>
      <c r="I13" s="1" t="s">
        <v>542</v>
      </c>
      <c r="J13" s="1" t="s">
        <v>412</v>
      </c>
      <c r="K13" s="1" t="s">
        <v>543</v>
      </c>
      <c r="L13" s="1" t="s">
        <v>34</v>
      </c>
      <c r="N13" s="1" t="s">
        <v>35</v>
      </c>
      <c r="O13" s="1" t="s">
        <v>36</v>
      </c>
      <c r="P13" s="1" t="s">
        <v>37</v>
      </c>
      <c r="Q13" s="1" t="s">
        <v>58</v>
      </c>
      <c r="R13" s="1" t="s">
        <v>142</v>
      </c>
      <c r="S13" s="1" t="s">
        <v>137</v>
      </c>
      <c r="U13" s="1">
        <v>6.1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420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449</v>
      </c>
      <c r="B14" s="2">
        <v>0.3840277777777778</v>
      </c>
      <c r="C14" s="1" t="s">
        <v>663</v>
      </c>
      <c r="D14" s="1" t="s">
        <v>51</v>
      </c>
      <c r="E14" s="1" t="s">
        <v>152</v>
      </c>
      <c r="F14" s="1" t="s">
        <v>495</v>
      </c>
      <c r="G14" s="1" t="s">
        <v>442</v>
      </c>
      <c r="H14" s="1" t="s">
        <v>544</v>
      </c>
      <c r="I14" s="1" t="s">
        <v>545</v>
      </c>
      <c r="J14" s="1" t="s">
        <v>412</v>
      </c>
      <c r="K14" s="1" t="s">
        <v>83</v>
      </c>
      <c r="L14" s="1" t="s">
        <v>546</v>
      </c>
      <c r="N14" s="1" t="s">
        <v>509</v>
      </c>
      <c r="O14" s="1" t="s">
        <v>463</v>
      </c>
      <c r="P14" s="1" t="s">
        <v>37</v>
      </c>
      <c r="Q14" s="1" t="s">
        <v>58</v>
      </c>
      <c r="R14" s="1" t="s">
        <v>59</v>
      </c>
      <c r="S14" s="1" t="s">
        <v>150</v>
      </c>
      <c r="U14" s="1">
        <v>7.2</v>
      </c>
      <c r="V14" s="1"/>
      <c r="W14" s="1"/>
      <c r="X14" s="1">
        <v>1</v>
      </c>
      <c r="Y14" s="1">
        <v>9.6000000000000002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689</v>
      </c>
      <c r="BC14" s="1">
        <v>0.54</v>
      </c>
      <c r="BD14" s="1">
        <v>0.59</v>
      </c>
      <c r="BE14" s="1"/>
      <c r="BF14" s="1"/>
      <c r="BG14" s="1"/>
      <c r="BH14" s="1"/>
      <c r="BI14" s="1"/>
      <c r="BJ14" s="1"/>
      <c r="BK14" s="1"/>
      <c r="BL14" s="1"/>
      <c r="BM14" s="1">
        <v>7.0000000000000007E-2</v>
      </c>
      <c r="BN14" s="1">
        <v>7.0999999999999994E-2</v>
      </c>
      <c r="BO14" s="1">
        <v>240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0486111111111114</v>
      </c>
      <c r="C15" s="1" t="s">
        <v>663</v>
      </c>
      <c r="D15" s="1" t="s">
        <v>51</v>
      </c>
      <c r="E15" s="1" t="s">
        <v>152</v>
      </c>
      <c r="F15" s="1" t="s">
        <v>124</v>
      </c>
      <c r="G15" s="1" t="s">
        <v>228</v>
      </c>
      <c r="H15" s="1" t="s">
        <v>524</v>
      </c>
      <c r="I15" s="1" t="s">
        <v>547</v>
      </c>
      <c r="J15" s="1" t="s">
        <v>412</v>
      </c>
      <c r="K15" s="1" t="s">
        <v>548</v>
      </c>
      <c r="L15" s="1" t="s">
        <v>34</v>
      </c>
      <c r="N15" s="1" t="s">
        <v>509</v>
      </c>
      <c r="O15" s="1" t="s">
        <v>413</v>
      </c>
      <c r="P15" s="1" t="s">
        <v>37</v>
      </c>
      <c r="Q15" s="1" t="s">
        <v>58</v>
      </c>
      <c r="R15" s="1" t="s">
        <v>267</v>
      </c>
      <c r="S15" s="1" t="s">
        <v>130</v>
      </c>
      <c r="U15" s="1">
        <v>8.6999999999999993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80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1</v>
      </c>
      <c r="B16" s="2">
        <v>0.38819444444444445</v>
      </c>
      <c r="C16" s="1" t="s">
        <v>663</v>
      </c>
      <c r="D16" s="1" t="s">
        <v>51</v>
      </c>
      <c r="E16" s="1" t="s">
        <v>28</v>
      </c>
      <c r="F16" s="1" t="s">
        <v>455</v>
      </c>
      <c r="G16" s="1" t="s">
        <v>133</v>
      </c>
      <c r="H16" s="1" t="s">
        <v>288</v>
      </c>
      <c r="I16" s="1" t="s">
        <v>549</v>
      </c>
      <c r="J16" s="1" t="s">
        <v>412</v>
      </c>
      <c r="K16" s="1" t="s">
        <v>179</v>
      </c>
      <c r="L16" s="1" t="s">
        <v>34</v>
      </c>
      <c r="N16" s="1" t="s">
        <v>509</v>
      </c>
      <c r="O16" s="1" t="s">
        <v>463</v>
      </c>
      <c r="P16" s="1" t="s">
        <v>37</v>
      </c>
      <c r="Q16" s="1" t="s">
        <v>58</v>
      </c>
      <c r="R16" s="1" t="s">
        <v>316</v>
      </c>
      <c r="S16" s="1" t="s">
        <v>122</v>
      </c>
      <c r="T16" s="1" t="s">
        <v>123</v>
      </c>
      <c r="U16" s="1">
        <v>7.4</v>
      </c>
      <c r="V16" s="3">
        <v>33000</v>
      </c>
      <c r="W16" s="1"/>
      <c r="X16" s="1">
        <v>1.4</v>
      </c>
      <c r="Y16" s="1">
        <v>9.2999999999999999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689</v>
      </c>
      <c r="BC16" s="1">
        <v>1</v>
      </c>
      <c r="BD16" s="1">
        <v>1</v>
      </c>
      <c r="BE16" s="1"/>
      <c r="BF16" s="1" t="s">
        <v>685</v>
      </c>
      <c r="BG16" s="1">
        <v>2.2000000000000001E-3</v>
      </c>
      <c r="BH16" s="1" t="s">
        <v>686</v>
      </c>
      <c r="BI16" s="1">
        <v>2.4E-2</v>
      </c>
      <c r="BJ16" s="1" t="s">
        <v>685</v>
      </c>
      <c r="BK16" s="1"/>
      <c r="BL16" s="1" t="s">
        <v>703</v>
      </c>
      <c r="BM16" s="1">
        <v>0.06</v>
      </c>
      <c r="BN16" s="1">
        <v>7.8E-2</v>
      </c>
      <c r="BO16" s="1">
        <v>1600</v>
      </c>
      <c r="BP16" s="1"/>
      <c r="BQ16" s="1"/>
      <c r="BR16" s="1" t="s">
        <v>702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9861111111111116</v>
      </c>
      <c r="C17" s="1" t="s">
        <v>663</v>
      </c>
      <c r="D17" s="1" t="s">
        <v>42</v>
      </c>
      <c r="E17" s="1" t="s">
        <v>28</v>
      </c>
      <c r="F17" s="1" t="s">
        <v>550</v>
      </c>
      <c r="G17" s="1" t="s">
        <v>345</v>
      </c>
      <c r="H17" s="1" t="s">
        <v>31</v>
      </c>
      <c r="I17" s="1" t="s">
        <v>520</v>
      </c>
      <c r="J17" s="1" t="s">
        <v>412</v>
      </c>
      <c r="K17" s="1" t="s">
        <v>551</v>
      </c>
      <c r="L17" s="1" t="s">
        <v>34</v>
      </c>
      <c r="N17" s="1" t="s">
        <v>35</v>
      </c>
      <c r="O17" s="1" t="s">
        <v>36</v>
      </c>
      <c r="P17" s="1" t="s">
        <v>37</v>
      </c>
      <c r="Q17" s="1" t="s">
        <v>38</v>
      </c>
      <c r="R17" s="1" t="s">
        <v>316</v>
      </c>
      <c r="S17" s="1" t="s">
        <v>177</v>
      </c>
      <c r="U17" s="1">
        <v>8.1999999999999993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40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39097222222222222</v>
      </c>
      <c r="C18" s="1" t="s">
        <v>663</v>
      </c>
      <c r="D18" s="1" t="s">
        <v>42</v>
      </c>
      <c r="E18" s="1" t="s">
        <v>152</v>
      </c>
      <c r="F18" s="1" t="s">
        <v>516</v>
      </c>
      <c r="G18" s="1" t="s">
        <v>292</v>
      </c>
      <c r="H18" s="1" t="s">
        <v>349</v>
      </c>
      <c r="I18" s="1" t="s">
        <v>552</v>
      </c>
      <c r="J18" s="1" t="s">
        <v>412</v>
      </c>
      <c r="K18" s="1" t="s">
        <v>170</v>
      </c>
      <c r="L18" s="1" t="s">
        <v>34</v>
      </c>
      <c r="N18" s="1" t="s">
        <v>35</v>
      </c>
      <c r="O18" s="1" t="s">
        <v>36</v>
      </c>
      <c r="P18" s="1" t="s">
        <v>37</v>
      </c>
      <c r="Q18" s="1" t="s">
        <v>38</v>
      </c>
      <c r="R18" s="1" t="s">
        <v>59</v>
      </c>
      <c r="S18" s="1" t="s">
        <v>102</v>
      </c>
      <c r="U18" s="1">
        <v>7.1</v>
      </c>
      <c r="V18" s="1"/>
      <c r="W18" s="1"/>
      <c r="X18" s="1">
        <v>0.72</v>
      </c>
      <c r="Y18" s="1">
        <v>7.5999999999999998E-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689</v>
      </c>
      <c r="BC18" s="1">
        <v>0.4</v>
      </c>
      <c r="BD18" s="1">
        <v>0.45</v>
      </c>
      <c r="BE18" s="1"/>
      <c r="BF18" s="1"/>
      <c r="BG18" s="1"/>
      <c r="BH18" s="1"/>
      <c r="BI18" s="1"/>
      <c r="BJ18" s="1"/>
      <c r="BK18" s="1"/>
      <c r="BL18" s="1"/>
      <c r="BM18" s="1">
        <v>0.08</v>
      </c>
      <c r="BN18" s="1">
        <v>6.3E-2</v>
      </c>
      <c r="BO18" s="1">
        <v>3000</v>
      </c>
      <c r="BP18" s="1">
        <v>130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9652777777777783</v>
      </c>
      <c r="C19" s="1" t="s">
        <v>663</v>
      </c>
      <c r="D19" s="1" t="s">
        <v>51</v>
      </c>
      <c r="E19" s="1" t="s">
        <v>152</v>
      </c>
      <c r="F19" s="1" t="s">
        <v>385</v>
      </c>
      <c r="G19" s="1" t="s">
        <v>553</v>
      </c>
      <c r="H19" s="1" t="s">
        <v>89</v>
      </c>
      <c r="I19" s="1" t="s">
        <v>554</v>
      </c>
      <c r="J19" s="1" t="s">
        <v>412</v>
      </c>
      <c r="K19" s="1" t="s">
        <v>83</v>
      </c>
      <c r="L19" s="1" t="s">
        <v>34</v>
      </c>
      <c r="N19" s="1" t="s">
        <v>35</v>
      </c>
      <c r="O19" s="1" t="s">
        <v>36</v>
      </c>
      <c r="P19" s="1" t="s">
        <v>37</v>
      </c>
      <c r="Q19" s="1" t="s">
        <v>100</v>
      </c>
      <c r="R19" s="1" t="s">
        <v>156</v>
      </c>
      <c r="S19" s="1" t="s">
        <v>162</v>
      </c>
      <c r="U19" s="1">
        <v>8.1999999999999993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10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39652777777777781</v>
      </c>
      <c r="C20" s="1" t="s">
        <v>663</v>
      </c>
      <c r="D20" s="1" t="s">
        <v>51</v>
      </c>
      <c r="E20" s="1" t="s">
        <v>664</v>
      </c>
      <c r="F20" s="1" t="s">
        <v>144</v>
      </c>
      <c r="G20" s="1" t="s">
        <v>293</v>
      </c>
      <c r="H20" s="1" t="s">
        <v>203</v>
      </c>
      <c r="I20" s="1" t="s">
        <v>555</v>
      </c>
      <c r="J20" s="1" t="s">
        <v>412</v>
      </c>
      <c r="K20" s="1" t="s">
        <v>556</v>
      </c>
      <c r="L20" s="1" t="s">
        <v>34</v>
      </c>
      <c r="N20" s="1" t="s">
        <v>35</v>
      </c>
      <c r="O20" s="1" t="s">
        <v>36</v>
      </c>
      <c r="P20" s="1" t="s">
        <v>37</v>
      </c>
      <c r="Q20" s="1" t="s">
        <v>58</v>
      </c>
      <c r="R20" s="1" t="s">
        <v>161</v>
      </c>
      <c r="S20" s="1" t="s">
        <v>102</v>
      </c>
      <c r="T20" s="1" t="s">
        <v>41</v>
      </c>
      <c r="U20" s="1">
        <v>7.5</v>
      </c>
      <c r="V20" s="3">
        <v>1300</v>
      </c>
      <c r="W20" s="1"/>
      <c r="X20" s="1">
        <v>0.65</v>
      </c>
      <c r="Y20" s="1">
        <v>7.0999999999999994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689</v>
      </c>
      <c r="BC20" s="1">
        <v>0.25</v>
      </c>
      <c r="BD20" s="1">
        <v>0.3</v>
      </c>
      <c r="BE20" s="1"/>
      <c r="BF20" s="1"/>
      <c r="BG20" s="1"/>
      <c r="BH20" s="1"/>
      <c r="BI20" s="1"/>
      <c r="BJ20" s="1"/>
      <c r="BK20" s="1"/>
      <c r="BL20" s="1"/>
      <c r="BM20" s="1">
        <v>0.11</v>
      </c>
      <c r="BN20" s="1">
        <v>5.8000000000000003E-2</v>
      </c>
      <c r="BO20" s="1">
        <v>370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0208333333333337</v>
      </c>
      <c r="C21" s="1" t="s">
        <v>663</v>
      </c>
      <c r="D21" s="1" t="s">
        <v>51</v>
      </c>
      <c r="E21" s="1" t="s">
        <v>664</v>
      </c>
      <c r="F21" s="1" t="s">
        <v>385</v>
      </c>
      <c r="G21" s="1" t="s">
        <v>144</v>
      </c>
      <c r="H21" s="1" t="s">
        <v>89</v>
      </c>
      <c r="I21" s="1" t="s">
        <v>557</v>
      </c>
      <c r="J21" s="1" t="s">
        <v>412</v>
      </c>
      <c r="K21" s="1" t="s">
        <v>558</v>
      </c>
      <c r="L21" s="1" t="s">
        <v>34</v>
      </c>
      <c r="N21" s="1" t="s">
        <v>35</v>
      </c>
      <c r="O21" s="1" t="s">
        <v>36</v>
      </c>
      <c r="P21" s="1" t="s">
        <v>37</v>
      </c>
      <c r="Q21" s="1" t="s">
        <v>58</v>
      </c>
      <c r="R21" s="1" t="s">
        <v>316</v>
      </c>
      <c r="S21" s="1" t="s">
        <v>157</v>
      </c>
      <c r="U21" s="1">
        <v>7.7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400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63</v>
      </c>
      <c r="B22" s="2">
        <v>0.40277777777777773</v>
      </c>
      <c r="C22" s="1" t="s">
        <v>663</v>
      </c>
      <c r="D22" s="1" t="s">
        <v>415</v>
      </c>
      <c r="E22" s="1" t="s">
        <v>28</v>
      </c>
      <c r="F22" s="1" t="s">
        <v>408</v>
      </c>
      <c r="G22" s="1" t="s">
        <v>559</v>
      </c>
      <c r="H22" s="1" t="s">
        <v>294</v>
      </c>
      <c r="I22" s="1" t="s">
        <v>560</v>
      </c>
      <c r="J22" s="1" t="s">
        <v>412</v>
      </c>
      <c r="K22" s="1" t="s">
        <v>561</v>
      </c>
      <c r="L22" s="1" t="s">
        <v>34</v>
      </c>
      <c r="N22" s="1" t="s">
        <v>509</v>
      </c>
      <c r="O22" s="1" t="s">
        <v>36</v>
      </c>
      <c r="P22" s="1" t="s">
        <v>37</v>
      </c>
      <c r="Q22" s="1" t="s">
        <v>100</v>
      </c>
      <c r="R22" s="1" t="s">
        <v>220</v>
      </c>
      <c r="S22" s="1" t="s">
        <v>129</v>
      </c>
      <c r="U22" s="1">
        <v>8.6</v>
      </c>
      <c r="V22" s="1"/>
      <c r="W22" s="1"/>
      <c r="X22" s="1">
        <v>0.34</v>
      </c>
      <c r="Y22" s="1">
        <v>3.3000000000000002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689</v>
      </c>
      <c r="BC22" s="1">
        <v>0.11</v>
      </c>
      <c r="BD22" s="1">
        <v>0.16</v>
      </c>
      <c r="BE22" s="1"/>
      <c r="BF22" s="1"/>
      <c r="BG22" s="1"/>
      <c r="BH22" s="1"/>
      <c r="BI22" s="1"/>
      <c r="BJ22" s="1"/>
      <c r="BK22" s="1"/>
      <c r="BL22" s="1"/>
      <c r="BM22" s="1">
        <v>0.08</v>
      </c>
      <c r="BN22" s="1">
        <v>2.1999999999999999E-2</v>
      </c>
      <c r="BO22" s="1">
        <v>4300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125</v>
      </c>
      <c r="C23" s="1" t="s">
        <v>663</v>
      </c>
      <c r="D23" s="1" t="s">
        <v>51</v>
      </c>
      <c r="E23" s="1" t="s">
        <v>28</v>
      </c>
      <c r="F23" s="1" t="s">
        <v>312</v>
      </c>
      <c r="G23" s="1" t="s">
        <v>402</v>
      </c>
      <c r="H23" s="1" t="s">
        <v>96</v>
      </c>
      <c r="I23" s="1" t="s">
        <v>167</v>
      </c>
      <c r="J23" s="1" t="s">
        <v>412</v>
      </c>
      <c r="K23" s="1" t="s">
        <v>562</v>
      </c>
      <c r="L23" s="1" t="s">
        <v>34</v>
      </c>
      <c r="N23" s="1" t="s">
        <v>35</v>
      </c>
      <c r="O23" s="1" t="s">
        <v>36</v>
      </c>
      <c r="P23" s="1" t="s">
        <v>37</v>
      </c>
      <c r="Q23" s="1" t="s">
        <v>100</v>
      </c>
      <c r="R23" s="1" t="s">
        <v>220</v>
      </c>
      <c r="S23" s="1" t="s">
        <v>162</v>
      </c>
      <c r="U23" s="1">
        <v>9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100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474</v>
      </c>
      <c r="B24" s="2">
        <v>0.39027777777777778</v>
      </c>
      <c r="C24" s="1" t="s">
        <v>663</v>
      </c>
      <c r="D24" s="1" t="s">
        <v>42</v>
      </c>
      <c r="E24" s="1" t="s">
        <v>28</v>
      </c>
      <c r="F24" s="1" t="s">
        <v>164</v>
      </c>
      <c r="G24" s="1" t="s">
        <v>563</v>
      </c>
      <c r="H24" s="1" t="s">
        <v>203</v>
      </c>
      <c r="I24" s="1" t="s">
        <v>271</v>
      </c>
      <c r="J24" s="1" t="s">
        <v>412</v>
      </c>
      <c r="K24" s="1" t="s">
        <v>564</v>
      </c>
      <c r="L24" s="1" t="s">
        <v>34</v>
      </c>
      <c r="N24" s="1" t="s">
        <v>35</v>
      </c>
      <c r="O24" s="1" t="s">
        <v>36</v>
      </c>
      <c r="P24" s="1" t="s">
        <v>37</v>
      </c>
      <c r="Q24" s="1" t="s">
        <v>58</v>
      </c>
      <c r="R24" s="1" t="s">
        <v>565</v>
      </c>
      <c r="S24" s="1" t="s">
        <v>193</v>
      </c>
      <c r="T24" s="1" t="s">
        <v>49</v>
      </c>
      <c r="U24" s="1">
        <v>8.4</v>
      </c>
      <c r="V24" s="3">
        <v>330</v>
      </c>
      <c r="W24" s="1" t="s">
        <v>682</v>
      </c>
      <c r="X24" s="1">
        <v>0.35</v>
      </c>
      <c r="Y24" s="1">
        <v>3.1E-2</v>
      </c>
      <c r="Z24" s="1">
        <v>8.6999999999999994E-3</v>
      </c>
      <c r="AA24" s="1" t="s">
        <v>728</v>
      </c>
      <c r="AB24" s="1" t="s">
        <v>730</v>
      </c>
      <c r="AC24" s="1" t="s">
        <v>683</v>
      </c>
      <c r="AD24" s="1" t="s">
        <v>689</v>
      </c>
      <c r="AE24" s="1" t="s">
        <v>687</v>
      </c>
      <c r="AF24" s="1" t="s">
        <v>686</v>
      </c>
      <c r="AG24" s="1">
        <v>1.8E-3</v>
      </c>
      <c r="AH24" s="1" t="s">
        <v>687</v>
      </c>
      <c r="AI24" s="1"/>
      <c r="AJ24" s="1" t="s">
        <v>687</v>
      </c>
      <c r="AK24" s="1" t="s">
        <v>688</v>
      </c>
      <c r="AL24" s="1" t="s">
        <v>688</v>
      </c>
      <c r="AM24" s="1" t="s">
        <v>688</v>
      </c>
      <c r="AN24" s="1" t="s">
        <v>688</v>
      </c>
      <c r="AO24" s="1" t="s">
        <v>688</v>
      </c>
      <c r="AP24" t="s">
        <v>688</v>
      </c>
      <c r="AQ24" s="1" t="s">
        <v>688</v>
      </c>
      <c r="AR24" s="1" t="s">
        <v>688</v>
      </c>
      <c r="AS24" s="1" t="s">
        <v>688</v>
      </c>
      <c r="AT24" s="1" t="s">
        <v>696</v>
      </c>
      <c r="AU24" s="1"/>
      <c r="AV24" s="1"/>
      <c r="AW24" s="1"/>
      <c r="AX24" s="1" t="s">
        <v>688</v>
      </c>
      <c r="AY24" s="1" t="s">
        <v>687</v>
      </c>
      <c r="AZ24" s="1"/>
      <c r="BA24" s="1"/>
      <c r="BB24" s="1" t="s">
        <v>689</v>
      </c>
      <c r="BC24" s="1">
        <v>0.18</v>
      </c>
      <c r="BD24" s="1">
        <v>0.23</v>
      </c>
      <c r="BE24" s="1" t="s">
        <v>685</v>
      </c>
      <c r="BF24" s="1"/>
      <c r="BG24" s="1"/>
      <c r="BH24" s="1"/>
      <c r="BI24" s="1"/>
      <c r="BJ24" s="1"/>
      <c r="BK24" s="1"/>
      <c r="BL24" s="1"/>
      <c r="BM24" s="1">
        <v>0.08</v>
      </c>
      <c r="BN24" s="1">
        <v>2.5000000000000001E-2</v>
      </c>
      <c r="BO24" s="1">
        <v>4100</v>
      </c>
      <c r="BP24" s="1">
        <v>1900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0694444444444446</v>
      </c>
      <c r="C25" s="1" t="s">
        <v>663</v>
      </c>
      <c r="D25" s="1" t="s">
        <v>42</v>
      </c>
      <c r="E25" s="1" t="s">
        <v>28</v>
      </c>
      <c r="F25" s="1" t="s">
        <v>67</v>
      </c>
      <c r="G25" s="1" t="s">
        <v>566</v>
      </c>
      <c r="H25" s="1" t="s">
        <v>89</v>
      </c>
      <c r="I25" s="1" t="s">
        <v>198</v>
      </c>
      <c r="J25" s="1" t="s">
        <v>412</v>
      </c>
      <c r="K25" s="1" t="s">
        <v>567</v>
      </c>
      <c r="L25" s="1" t="s">
        <v>34</v>
      </c>
      <c r="N25" s="1" t="s">
        <v>35</v>
      </c>
      <c r="O25" s="1" t="s">
        <v>36</v>
      </c>
      <c r="P25" s="1" t="s">
        <v>37</v>
      </c>
      <c r="Q25" s="1" t="s">
        <v>58</v>
      </c>
      <c r="R25" s="1" t="s">
        <v>220</v>
      </c>
      <c r="S25" s="1" t="s">
        <v>171</v>
      </c>
      <c r="U25" s="1">
        <v>8.8000000000000007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4100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80</v>
      </c>
      <c r="B26" s="2">
        <v>0.38680555555555557</v>
      </c>
      <c r="C26" s="1" t="s">
        <v>663</v>
      </c>
      <c r="D26" s="1" t="s">
        <v>42</v>
      </c>
      <c r="E26" s="1" t="s">
        <v>28</v>
      </c>
      <c r="F26" s="1" t="s">
        <v>568</v>
      </c>
      <c r="G26" s="1" t="s">
        <v>182</v>
      </c>
      <c r="H26" s="1" t="s">
        <v>203</v>
      </c>
      <c r="I26" s="1" t="s">
        <v>569</v>
      </c>
      <c r="J26" s="1" t="s">
        <v>412</v>
      </c>
      <c r="K26" s="1" t="s">
        <v>561</v>
      </c>
      <c r="L26" s="1" t="s">
        <v>34</v>
      </c>
      <c r="N26" s="1" t="s">
        <v>35</v>
      </c>
      <c r="O26" s="1" t="s">
        <v>36</v>
      </c>
      <c r="P26" s="1" t="s">
        <v>37</v>
      </c>
      <c r="Q26" s="1" t="s">
        <v>58</v>
      </c>
      <c r="R26" s="1" t="s">
        <v>316</v>
      </c>
      <c r="S26" s="1" t="s">
        <v>527</v>
      </c>
      <c r="U26" s="1">
        <v>8.4</v>
      </c>
      <c r="V26" s="1"/>
      <c r="W26" s="1"/>
      <c r="X26" s="1">
        <v>1.1000000000000001</v>
      </c>
      <c r="Y26" s="1">
        <v>7.2999999999999995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687</v>
      </c>
      <c r="AV26" s="1" t="s">
        <v>683</v>
      </c>
      <c r="AW26" s="1" t="s">
        <v>683</v>
      </c>
      <c r="AX26" s="1"/>
      <c r="AY26" s="1"/>
      <c r="AZ26" s="1"/>
      <c r="BA26" s="1"/>
      <c r="BB26" s="1">
        <v>0.01</v>
      </c>
      <c r="BC26" s="1">
        <v>0.71</v>
      </c>
      <c r="BD26" s="1">
        <v>0.76</v>
      </c>
      <c r="BE26" s="1"/>
      <c r="BF26" s="1"/>
      <c r="BG26" s="1"/>
      <c r="BH26" s="1"/>
      <c r="BI26" s="1"/>
      <c r="BJ26" s="1"/>
      <c r="BK26" s="1"/>
      <c r="BL26" s="1"/>
      <c r="BM26" s="1">
        <v>7.0000000000000007E-2</v>
      </c>
      <c r="BN26" s="1">
        <v>6.0999999999999999E-2</v>
      </c>
      <c r="BO26" s="1">
        <v>250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7430555555555547</v>
      </c>
      <c r="C27" s="1" t="s">
        <v>663</v>
      </c>
      <c r="D27" s="1" t="s">
        <v>42</v>
      </c>
      <c r="E27" s="1" t="s">
        <v>28</v>
      </c>
      <c r="F27" s="1" t="s">
        <v>570</v>
      </c>
      <c r="G27" s="1" t="s">
        <v>571</v>
      </c>
      <c r="H27" s="1" t="s">
        <v>340</v>
      </c>
      <c r="I27" s="1" t="s">
        <v>572</v>
      </c>
      <c r="J27" s="1" t="s">
        <v>412</v>
      </c>
      <c r="K27" s="1" t="s">
        <v>538</v>
      </c>
      <c r="L27" s="1" t="s">
        <v>34</v>
      </c>
      <c r="N27" s="1" t="s">
        <v>35</v>
      </c>
      <c r="O27" s="1" t="s">
        <v>413</v>
      </c>
      <c r="P27" s="1" t="s">
        <v>37</v>
      </c>
      <c r="Q27" s="1" t="s">
        <v>100</v>
      </c>
      <c r="R27" s="1" t="s">
        <v>316</v>
      </c>
      <c r="S27" s="1" t="s">
        <v>527</v>
      </c>
      <c r="U27" s="1">
        <v>9.5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50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90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76</v>
      </c>
      <c r="C1" s="1" t="s">
        <v>1</v>
      </c>
      <c r="D1" s="1" t="s">
        <v>677</v>
      </c>
      <c r="E1" s="1" t="s">
        <v>2</v>
      </c>
      <c r="F1" s="1" t="s">
        <v>654</v>
      </c>
      <c r="G1" s="1" t="s">
        <v>3</v>
      </c>
      <c r="H1" s="1" t="s">
        <v>67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56</v>
      </c>
      <c r="V2" s="1" t="s">
        <v>605</v>
      </c>
      <c r="W2" s="1" t="s">
        <v>679</v>
      </c>
      <c r="X2" s="1" t="s">
        <v>606</v>
      </c>
      <c r="Y2" s="1" t="s">
        <v>607</v>
      </c>
      <c r="Z2" s="1" t="s">
        <v>608</v>
      </c>
      <c r="AA2" s="1" t="s">
        <v>710</v>
      </c>
      <c r="AB2" s="1" t="s">
        <v>718</v>
      </c>
      <c r="AC2" s="1" t="s">
        <v>609</v>
      </c>
      <c r="AD2" s="1" t="s">
        <v>610</v>
      </c>
      <c r="AE2" s="1" t="s">
        <v>680</v>
      </c>
      <c r="AF2" s="1" t="s">
        <v>611</v>
      </c>
      <c r="AG2" s="1" t="s">
        <v>612</v>
      </c>
      <c r="AH2" s="1" t="s">
        <v>613</v>
      </c>
      <c r="AI2" s="1" t="s">
        <v>614</v>
      </c>
      <c r="AJ2" s="1" t="s">
        <v>615</v>
      </c>
      <c r="AK2" s="1" t="s">
        <v>616</v>
      </c>
      <c r="AL2" s="1" t="s">
        <v>617</v>
      </c>
      <c r="AM2" s="1" t="s">
        <v>618</v>
      </c>
      <c r="AN2" s="1" t="s">
        <v>619</v>
      </c>
      <c r="AO2" s="1" t="s">
        <v>620</v>
      </c>
      <c r="AP2" t="s">
        <v>704</v>
      </c>
      <c r="AQ2" s="1" t="s">
        <v>621</v>
      </c>
      <c r="AR2" s="1" t="s">
        <v>622</v>
      </c>
      <c r="AS2" s="1" t="s">
        <v>623</v>
      </c>
      <c r="AT2" s="1" t="s">
        <v>690</v>
      </c>
      <c r="AU2" s="1" t="s">
        <v>624</v>
      </c>
      <c r="AV2" s="1" t="s">
        <v>625</v>
      </c>
      <c r="AW2" s="1" t="s">
        <v>626</v>
      </c>
      <c r="AX2" s="1" t="s">
        <v>627</v>
      </c>
      <c r="AY2" s="1" t="s">
        <v>628</v>
      </c>
      <c r="AZ2" s="1" t="s">
        <v>629</v>
      </c>
      <c r="BA2" s="1" t="s">
        <v>630</v>
      </c>
      <c r="BB2" s="1" t="s">
        <v>631</v>
      </c>
      <c r="BC2" s="1" t="s">
        <v>632</v>
      </c>
      <c r="BD2" s="1" t="s">
        <v>633</v>
      </c>
      <c r="BE2" s="1" t="s">
        <v>712</v>
      </c>
      <c r="BF2" s="1" t="s">
        <v>634</v>
      </c>
      <c r="BG2" s="1" t="s">
        <v>691</v>
      </c>
      <c r="BH2" s="1" t="s">
        <v>692</v>
      </c>
      <c r="BI2" s="1" t="s">
        <v>635</v>
      </c>
      <c r="BJ2" s="1" t="s">
        <v>636</v>
      </c>
      <c r="BK2" s="1" t="s">
        <v>637</v>
      </c>
      <c r="BL2" s="1" t="s">
        <v>638</v>
      </c>
      <c r="BM2" s="1" t="s">
        <v>639</v>
      </c>
      <c r="BN2" s="1" t="s">
        <v>640</v>
      </c>
      <c r="BO2" s="1" t="s">
        <v>641</v>
      </c>
      <c r="BP2" s="1" t="s">
        <v>642</v>
      </c>
      <c r="BQ2" s="1" t="s">
        <v>643</v>
      </c>
      <c r="BR2" s="1" t="s">
        <v>644</v>
      </c>
      <c r="BS2" s="1" t="s">
        <v>645</v>
      </c>
      <c r="BT2" s="1" t="s">
        <v>646</v>
      </c>
      <c r="BU2" s="1" t="s">
        <v>647</v>
      </c>
      <c r="BV2" s="1" t="s">
        <v>648</v>
      </c>
      <c r="BW2" s="1" t="s">
        <v>649</v>
      </c>
      <c r="BX2" s="1" t="s">
        <v>650</v>
      </c>
      <c r="BY2" s="1" t="s">
        <v>651</v>
      </c>
      <c r="BZ2" s="1" t="s">
        <v>697</v>
      </c>
    </row>
    <row r="3" spans="1:78" x14ac:dyDescent="0.15">
      <c r="A3" s="1" t="s">
        <v>657</v>
      </c>
      <c r="B3" s="1" t="s">
        <v>658</v>
      </c>
      <c r="C3" s="1"/>
      <c r="D3" s="1"/>
      <c r="E3" s="1"/>
      <c r="F3" s="1" t="s">
        <v>659</v>
      </c>
      <c r="G3" s="1" t="s">
        <v>659</v>
      </c>
      <c r="H3" s="1" t="s">
        <v>660</v>
      </c>
      <c r="I3" s="1" t="s">
        <v>24</v>
      </c>
      <c r="J3" s="1" t="s">
        <v>661</v>
      </c>
      <c r="K3" s="1" t="s">
        <v>661</v>
      </c>
      <c r="L3" s="1" t="s">
        <v>662</v>
      </c>
      <c r="M3" s="1" t="s">
        <v>6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8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98</v>
      </c>
      <c r="BP3" s="1" t="s">
        <v>25</v>
      </c>
      <c r="BQ3" s="1" t="s">
        <v>699</v>
      </c>
      <c r="BR3" s="1" t="s">
        <v>25</v>
      </c>
      <c r="BS3" s="1" t="s">
        <v>25</v>
      </c>
      <c r="BT3" s="1" t="s">
        <v>7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2291666666666666</v>
      </c>
      <c r="C4" s="1" t="s">
        <v>663</v>
      </c>
      <c r="D4" s="1" t="s">
        <v>42</v>
      </c>
      <c r="E4" s="1" t="s">
        <v>28</v>
      </c>
      <c r="F4" s="1" t="s">
        <v>573</v>
      </c>
      <c r="G4" s="1" t="s">
        <v>44</v>
      </c>
      <c r="H4" s="1" t="s">
        <v>119</v>
      </c>
      <c r="I4" s="1" t="s">
        <v>298</v>
      </c>
      <c r="J4" s="1" t="s">
        <v>412</v>
      </c>
      <c r="K4" s="1" t="s">
        <v>224</v>
      </c>
      <c r="L4" s="1" t="s">
        <v>34</v>
      </c>
      <c r="N4" s="1" t="s">
        <v>491</v>
      </c>
      <c r="O4" s="1" t="s">
        <v>36</v>
      </c>
      <c r="P4" s="1" t="s">
        <v>37</v>
      </c>
      <c r="Q4" s="1" t="s">
        <v>173</v>
      </c>
      <c r="R4" s="1" t="s">
        <v>316</v>
      </c>
      <c r="S4" s="1" t="s">
        <v>60</v>
      </c>
      <c r="T4" s="1" t="s">
        <v>69</v>
      </c>
      <c r="U4" s="1">
        <v>10</v>
      </c>
      <c r="V4" s="3">
        <v>1300</v>
      </c>
      <c r="W4" s="1"/>
      <c r="X4" s="1">
        <v>0.94</v>
      </c>
      <c r="Y4" s="1">
        <v>0.25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48</v>
      </c>
      <c r="BD4" s="1">
        <v>0.53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0.23</v>
      </c>
      <c r="BO4" s="1">
        <v>220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8611111111111109</v>
      </c>
      <c r="C5" s="1" t="s">
        <v>663</v>
      </c>
      <c r="D5" s="1" t="s">
        <v>42</v>
      </c>
      <c r="E5" s="1" t="s">
        <v>28</v>
      </c>
      <c r="F5" s="1" t="s">
        <v>416</v>
      </c>
      <c r="G5" s="1" t="s">
        <v>159</v>
      </c>
      <c r="H5" s="1" t="s">
        <v>119</v>
      </c>
      <c r="I5" s="1" t="s">
        <v>574</v>
      </c>
      <c r="J5" s="1" t="s">
        <v>412</v>
      </c>
      <c r="K5" s="1" t="s">
        <v>300</v>
      </c>
      <c r="L5" s="1" t="s">
        <v>34</v>
      </c>
      <c r="N5" s="1" t="s">
        <v>509</v>
      </c>
      <c r="O5" s="1" t="s">
        <v>36</v>
      </c>
      <c r="P5" s="1" t="s">
        <v>37</v>
      </c>
      <c r="Q5" s="1" t="s">
        <v>173</v>
      </c>
      <c r="R5" s="1" t="s">
        <v>85</v>
      </c>
      <c r="S5" s="1" t="s">
        <v>146</v>
      </c>
      <c r="U5" s="1">
        <v>9.9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1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0</v>
      </c>
      <c r="B6" s="2">
        <v>0.41666666666666669</v>
      </c>
      <c r="C6" s="1" t="s">
        <v>663</v>
      </c>
      <c r="D6" s="1" t="s">
        <v>415</v>
      </c>
      <c r="E6" s="1" t="s">
        <v>28</v>
      </c>
      <c r="F6" s="1" t="s">
        <v>425</v>
      </c>
      <c r="G6" s="1" t="s">
        <v>425</v>
      </c>
      <c r="H6" s="1" t="s">
        <v>119</v>
      </c>
      <c r="I6" s="1" t="s">
        <v>217</v>
      </c>
      <c r="J6" s="1" t="s">
        <v>412</v>
      </c>
      <c r="K6" s="1" t="s">
        <v>127</v>
      </c>
      <c r="L6" s="1" t="s">
        <v>34</v>
      </c>
      <c r="N6" s="1" t="s">
        <v>509</v>
      </c>
      <c r="O6" s="1" t="s">
        <v>36</v>
      </c>
      <c r="P6" s="1" t="s">
        <v>37</v>
      </c>
      <c r="Q6" s="1" t="s">
        <v>58</v>
      </c>
      <c r="R6" s="1" t="s">
        <v>161</v>
      </c>
      <c r="S6" s="1" t="s">
        <v>102</v>
      </c>
      <c r="U6" s="1">
        <v>8</v>
      </c>
      <c r="V6" s="1"/>
      <c r="W6" s="1"/>
      <c r="X6" s="1">
        <v>0.93</v>
      </c>
      <c r="Y6" s="1">
        <v>0.26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689</v>
      </c>
      <c r="BC6" s="1">
        <v>0.71</v>
      </c>
      <c r="BD6" s="1">
        <v>0.76</v>
      </c>
      <c r="BE6" s="1"/>
      <c r="BF6" s="1"/>
      <c r="BG6" s="1"/>
      <c r="BH6" s="1"/>
      <c r="BI6" s="1"/>
      <c r="BJ6" s="1"/>
      <c r="BK6" s="1"/>
      <c r="BL6" s="1"/>
      <c r="BM6" s="1">
        <v>0.05</v>
      </c>
      <c r="BN6" s="1">
        <v>0.24</v>
      </c>
      <c r="BO6" s="1">
        <v>770</v>
      </c>
      <c r="BP6" s="1">
        <v>250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222222222222223</v>
      </c>
      <c r="C7" s="1" t="s">
        <v>663</v>
      </c>
      <c r="D7" s="1" t="s">
        <v>415</v>
      </c>
      <c r="E7" s="1" t="s">
        <v>28</v>
      </c>
      <c r="F7" s="1" t="s">
        <v>461</v>
      </c>
      <c r="G7" s="1" t="s">
        <v>345</v>
      </c>
      <c r="H7" s="1" t="s">
        <v>31</v>
      </c>
      <c r="I7" s="1" t="s">
        <v>451</v>
      </c>
      <c r="J7" s="1" t="s">
        <v>340</v>
      </c>
      <c r="K7" s="1" t="s">
        <v>140</v>
      </c>
      <c r="L7" s="1" t="s">
        <v>34</v>
      </c>
      <c r="N7" s="1" t="s">
        <v>35</v>
      </c>
      <c r="O7" s="1" t="s">
        <v>36</v>
      </c>
      <c r="P7" s="1" t="s">
        <v>37</v>
      </c>
      <c r="Q7" s="1" t="s">
        <v>76</v>
      </c>
      <c r="R7" s="1" t="s">
        <v>220</v>
      </c>
      <c r="S7" s="1" t="s">
        <v>40</v>
      </c>
      <c r="U7" s="1">
        <v>9.8000000000000007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47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27</v>
      </c>
      <c r="B8" s="2">
        <v>0.4375</v>
      </c>
      <c r="C8" s="1" t="s">
        <v>663</v>
      </c>
      <c r="D8" s="1" t="s">
        <v>51</v>
      </c>
      <c r="E8" s="1" t="s">
        <v>28</v>
      </c>
      <c r="F8" s="1" t="s">
        <v>575</v>
      </c>
      <c r="G8" s="1" t="s">
        <v>442</v>
      </c>
      <c r="H8" s="1" t="s">
        <v>54</v>
      </c>
      <c r="I8" s="1" t="s">
        <v>54</v>
      </c>
      <c r="J8" s="1" t="s">
        <v>412</v>
      </c>
      <c r="K8" s="1" t="s">
        <v>576</v>
      </c>
      <c r="L8" s="1" t="s">
        <v>34</v>
      </c>
      <c r="N8" s="1" t="s">
        <v>35</v>
      </c>
      <c r="O8" s="1" t="s">
        <v>36</v>
      </c>
      <c r="P8" s="1" t="s">
        <v>37</v>
      </c>
      <c r="Q8" s="1" t="s">
        <v>67</v>
      </c>
      <c r="R8" s="1" t="s">
        <v>59</v>
      </c>
      <c r="S8" s="1" t="s">
        <v>137</v>
      </c>
      <c r="T8" s="1" t="s">
        <v>69</v>
      </c>
      <c r="U8" s="1">
        <v>7.7</v>
      </c>
      <c r="V8" s="3">
        <v>1300</v>
      </c>
      <c r="W8" s="1"/>
      <c r="X8" s="1">
        <v>0.9</v>
      </c>
      <c r="Y8" s="1">
        <v>0.3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71</v>
      </c>
      <c r="BD8" s="1">
        <v>0.76</v>
      </c>
      <c r="BE8" s="1"/>
      <c r="BF8" s="1"/>
      <c r="BG8" s="1"/>
      <c r="BH8" s="1"/>
      <c r="BI8" s="1"/>
      <c r="BJ8" s="1"/>
      <c r="BK8" s="1"/>
      <c r="BL8" s="1"/>
      <c r="BM8" s="1">
        <v>0.06</v>
      </c>
      <c r="BN8" s="1">
        <v>0.3</v>
      </c>
      <c r="BO8" s="1">
        <v>16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1736111111111109</v>
      </c>
      <c r="C9" s="1" t="s">
        <v>663</v>
      </c>
      <c r="D9" s="1" t="s">
        <v>51</v>
      </c>
      <c r="E9" s="1" t="s">
        <v>28</v>
      </c>
      <c r="F9" s="1" t="s">
        <v>438</v>
      </c>
      <c r="G9" s="1" t="s">
        <v>439</v>
      </c>
      <c r="H9" s="1" t="s">
        <v>54</v>
      </c>
      <c r="I9" s="1" t="s">
        <v>188</v>
      </c>
      <c r="J9" s="1" t="s">
        <v>412</v>
      </c>
      <c r="K9" s="1" t="s">
        <v>462</v>
      </c>
      <c r="L9" s="1" t="s">
        <v>34</v>
      </c>
      <c r="N9" s="1" t="s">
        <v>491</v>
      </c>
      <c r="O9" s="1" t="s">
        <v>413</v>
      </c>
      <c r="P9" s="1" t="s">
        <v>37</v>
      </c>
      <c r="Q9" s="1" t="s">
        <v>209</v>
      </c>
      <c r="R9" s="1" t="s">
        <v>316</v>
      </c>
      <c r="S9" s="1" t="s">
        <v>130</v>
      </c>
      <c r="U9" s="1">
        <v>10.199999999999999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47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6</v>
      </c>
      <c r="B10" s="2">
        <v>0.4284722222222222</v>
      </c>
      <c r="C10" s="1" t="s">
        <v>663</v>
      </c>
      <c r="D10" s="1" t="s">
        <v>42</v>
      </c>
      <c r="E10" s="1" t="s">
        <v>28</v>
      </c>
      <c r="F10" s="1" t="s">
        <v>241</v>
      </c>
      <c r="G10" s="1" t="s">
        <v>577</v>
      </c>
      <c r="H10" s="1" t="s">
        <v>54</v>
      </c>
      <c r="I10" s="1" t="s">
        <v>96</v>
      </c>
      <c r="J10" s="1" t="s">
        <v>412</v>
      </c>
      <c r="K10" s="1" t="s">
        <v>281</v>
      </c>
      <c r="L10" s="1" t="s">
        <v>34</v>
      </c>
      <c r="N10" s="1" t="s">
        <v>491</v>
      </c>
      <c r="O10" s="1" t="s">
        <v>413</v>
      </c>
      <c r="P10" s="1" t="s">
        <v>37</v>
      </c>
      <c r="Q10" s="1" t="s">
        <v>67</v>
      </c>
      <c r="R10" s="1" t="s">
        <v>215</v>
      </c>
      <c r="S10" s="1" t="s">
        <v>177</v>
      </c>
      <c r="U10" s="1">
        <v>7.8</v>
      </c>
      <c r="V10" s="1"/>
      <c r="W10" s="1"/>
      <c r="X10" s="1">
        <v>0.91</v>
      </c>
      <c r="Y10" s="1">
        <v>0.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87</v>
      </c>
      <c r="AV10" s="1" t="s">
        <v>683</v>
      </c>
      <c r="AW10" s="1" t="s">
        <v>683</v>
      </c>
      <c r="AX10" s="1"/>
      <c r="AY10" s="1"/>
      <c r="AZ10" s="1"/>
      <c r="BA10" s="1"/>
      <c r="BB10" s="1">
        <v>0.01</v>
      </c>
      <c r="BC10" s="1">
        <v>0.6</v>
      </c>
      <c r="BD10" s="1">
        <v>0.65</v>
      </c>
      <c r="BE10" s="1"/>
      <c r="BF10" s="1"/>
      <c r="BG10" s="1"/>
      <c r="BH10" s="1"/>
      <c r="BI10" s="1"/>
      <c r="BJ10" s="1"/>
      <c r="BK10" s="1" t="s">
        <v>687</v>
      </c>
      <c r="BL10" s="1"/>
      <c r="BM10" s="1">
        <v>0.05</v>
      </c>
      <c r="BN10" s="1">
        <v>0.28000000000000003</v>
      </c>
      <c r="BO10" s="1">
        <v>1200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0902777777777779</v>
      </c>
      <c r="C11" s="1" t="s">
        <v>663</v>
      </c>
      <c r="D11" s="1" t="s">
        <v>51</v>
      </c>
      <c r="E11" s="1" t="s">
        <v>28</v>
      </c>
      <c r="F11" s="1" t="s">
        <v>211</v>
      </c>
      <c r="G11" s="1" t="s">
        <v>443</v>
      </c>
      <c r="H11" s="1" t="s">
        <v>217</v>
      </c>
      <c r="I11" s="1" t="s">
        <v>578</v>
      </c>
      <c r="J11" s="1" t="s">
        <v>412</v>
      </c>
      <c r="K11" s="1" t="s">
        <v>166</v>
      </c>
      <c r="L11" s="1" t="s">
        <v>466</v>
      </c>
      <c r="N11" s="1" t="s">
        <v>509</v>
      </c>
      <c r="O11" s="1" t="s">
        <v>413</v>
      </c>
      <c r="P11" s="1" t="s">
        <v>37</v>
      </c>
      <c r="Q11" s="1" t="s">
        <v>76</v>
      </c>
      <c r="R11" s="1" t="s">
        <v>267</v>
      </c>
      <c r="S11" s="1" t="s">
        <v>68</v>
      </c>
      <c r="U11" s="1">
        <v>8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600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37</v>
      </c>
      <c r="B12" s="2">
        <v>0.4381944444444445</v>
      </c>
      <c r="C12" s="1" t="s">
        <v>663</v>
      </c>
      <c r="D12" s="1" t="s">
        <v>42</v>
      </c>
      <c r="E12" s="1" t="s">
        <v>28</v>
      </c>
      <c r="F12" s="1" t="s">
        <v>456</v>
      </c>
      <c r="G12" s="1" t="s">
        <v>95</v>
      </c>
      <c r="H12" s="1" t="s">
        <v>236</v>
      </c>
      <c r="I12" s="1" t="s">
        <v>579</v>
      </c>
      <c r="J12" s="1" t="s">
        <v>203</v>
      </c>
      <c r="K12" s="1" t="s">
        <v>504</v>
      </c>
      <c r="L12" s="1" t="s">
        <v>580</v>
      </c>
      <c r="N12" s="1" t="s">
        <v>35</v>
      </c>
      <c r="O12" s="1" t="s">
        <v>486</v>
      </c>
      <c r="P12" s="1" t="s">
        <v>37</v>
      </c>
      <c r="Q12" s="1" t="s">
        <v>67</v>
      </c>
      <c r="R12" s="1" t="s">
        <v>59</v>
      </c>
      <c r="S12" s="1" t="s">
        <v>268</v>
      </c>
      <c r="T12" s="1" t="s">
        <v>331</v>
      </c>
      <c r="U12" s="1">
        <v>7.3</v>
      </c>
      <c r="V12" s="3">
        <v>13000</v>
      </c>
      <c r="W12" s="1" t="s">
        <v>682</v>
      </c>
      <c r="X12" s="1">
        <v>0.83</v>
      </c>
      <c r="Y12" s="1">
        <v>0.4</v>
      </c>
      <c r="Z12" s="1">
        <v>1.2999999999999999E-2</v>
      </c>
      <c r="AA12" s="1" t="s">
        <v>728</v>
      </c>
      <c r="AB12" s="1" t="s">
        <v>748</v>
      </c>
      <c r="AC12" s="1" t="s">
        <v>683</v>
      </c>
      <c r="AD12" s="1" t="s">
        <v>689</v>
      </c>
      <c r="AE12" s="1">
        <v>1.1999999999999999E-3</v>
      </c>
      <c r="AF12" s="1" t="s">
        <v>686</v>
      </c>
      <c r="AG12" s="1">
        <v>2.0999999999999999E-3</v>
      </c>
      <c r="AH12" s="1" t="s">
        <v>687</v>
      </c>
      <c r="AI12" s="1"/>
      <c r="AJ12" s="1" t="s">
        <v>687</v>
      </c>
      <c r="AK12" s="1" t="s">
        <v>688</v>
      </c>
      <c r="AL12" s="1" t="s">
        <v>688</v>
      </c>
      <c r="AM12" s="1" t="s">
        <v>688</v>
      </c>
      <c r="AN12" s="1" t="s">
        <v>688</v>
      </c>
      <c r="AO12" s="1" t="s">
        <v>688</v>
      </c>
      <c r="AP12" t="s">
        <v>688</v>
      </c>
      <c r="AQ12" s="1" t="s">
        <v>688</v>
      </c>
      <c r="AR12" s="1" t="s">
        <v>688</v>
      </c>
      <c r="AS12" s="1" t="s">
        <v>688</v>
      </c>
      <c r="AT12" s="1" t="s">
        <v>696</v>
      </c>
      <c r="AU12" s="1"/>
      <c r="AV12" s="1"/>
      <c r="AW12" s="1"/>
      <c r="AX12" s="1" t="s">
        <v>688</v>
      </c>
      <c r="AY12" s="1" t="s">
        <v>687</v>
      </c>
      <c r="AZ12" s="1"/>
      <c r="BA12" s="1"/>
      <c r="BB12" s="1">
        <v>0.01</v>
      </c>
      <c r="BC12" s="1">
        <v>0.56000000000000005</v>
      </c>
      <c r="BD12" s="1">
        <v>0.61</v>
      </c>
      <c r="BE12" s="1" t="s">
        <v>685</v>
      </c>
      <c r="BF12" s="1"/>
      <c r="BG12" s="1"/>
      <c r="BH12" s="1"/>
      <c r="BI12" s="1"/>
      <c r="BJ12" s="1"/>
      <c r="BK12" s="1"/>
      <c r="BL12" s="1"/>
      <c r="BM12" s="1">
        <v>0.1</v>
      </c>
      <c r="BN12" s="1">
        <v>0.36</v>
      </c>
      <c r="BO12" s="1">
        <v>480</v>
      </c>
      <c r="BP12" s="1">
        <v>150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8194444444444444</v>
      </c>
      <c r="C13" s="1" t="s">
        <v>663</v>
      </c>
      <c r="D13" s="1" t="s">
        <v>42</v>
      </c>
      <c r="E13" s="1" t="s">
        <v>28</v>
      </c>
      <c r="F13" s="1" t="s">
        <v>495</v>
      </c>
      <c r="G13" s="1" t="s">
        <v>72</v>
      </c>
      <c r="H13" s="1" t="s">
        <v>340</v>
      </c>
      <c r="I13" s="1" t="s">
        <v>432</v>
      </c>
      <c r="J13" s="1" t="s">
        <v>412</v>
      </c>
      <c r="K13" s="1" t="s">
        <v>263</v>
      </c>
      <c r="L13" s="1" t="s">
        <v>34</v>
      </c>
      <c r="N13" s="1" t="s">
        <v>35</v>
      </c>
      <c r="O13" s="1" t="s">
        <v>413</v>
      </c>
      <c r="P13" s="1" t="s">
        <v>37</v>
      </c>
      <c r="Q13" s="1" t="s">
        <v>100</v>
      </c>
      <c r="R13" s="1" t="s">
        <v>215</v>
      </c>
      <c r="S13" s="1" t="s">
        <v>130</v>
      </c>
      <c r="U13" s="1">
        <v>8.4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10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449</v>
      </c>
      <c r="B14" s="2">
        <v>0.43263888888888885</v>
      </c>
      <c r="C14" s="1" t="s">
        <v>663</v>
      </c>
      <c r="D14" s="1" t="s">
        <v>51</v>
      </c>
      <c r="E14" s="1" t="s">
        <v>664</v>
      </c>
      <c r="F14" s="1" t="s">
        <v>132</v>
      </c>
      <c r="G14" s="1" t="s">
        <v>495</v>
      </c>
      <c r="H14" s="1" t="s">
        <v>203</v>
      </c>
      <c r="I14" s="1" t="s">
        <v>74</v>
      </c>
      <c r="J14" s="1" t="s">
        <v>249</v>
      </c>
      <c r="K14" s="1" t="s">
        <v>470</v>
      </c>
      <c r="L14" s="1" t="s">
        <v>34</v>
      </c>
      <c r="N14" s="1" t="s">
        <v>35</v>
      </c>
      <c r="O14" s="1" t="s">
        <v>36</v>
      </c>
      <c r="P14" s="1" t="s">
        <v>37</v>
      </c>
      <c r="Q14" s="1" t="s">
        <v>58</v>
      </c>
      <c r="R14" s="1" t="s">
        <v>59</v>
      </c>
      <c r="S14" s="1" t="s">
        <v>460</v>
      </c>
      <c r="U14" s="1">
        <v>7.7</v>
      </c>
      <c r="V14" s="1"/>
      <c r="W14" s="1"/>
      <c r="X14" s="1">
        <v>1.5</v>
      </c>
      <c r="Y14" s="1">
        <v>0.31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1.2</v>
      </c>
      <c r="BD14" s="1">
        <v>1.2</v>
      </c>
      <c r="BE14" s="1"/>
      <c r="BF14" s="1"/>
      <c r="BG14" s="1"/>
      <c r="BH14" s="1"/>
      <c r="BI14" s="1"/>
      <c r="BJ14" s="1"/>
      <c r="BK14" s="1"/>
      <c r="BL14" s="1"/>
      <c r="BM14" s="1">
        <v>7.0000000000000007E-2</v>
      </c>
      <c r="BN14" s="1">
        <v>0.28999999999999998</v>
      </c>
      <c r="BO14" s="1">
        <v>13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2638888888888884</v>
      </c>
      <c r="C15" s="1" t="s">
        <v>663</v>
      </c>
      <c r="D15" s="1" t="s">
        <v>51</v>
      </c>
      <c r="E15" s="1" t="s">
        <v>664</v>
      </c>
      <c r="F15" s="1" t="s">
        <v>279</v>
      </c>
      <c r="G15" s="1" t="s">
        <v>371</v>
      </c>
      <c r="H15" s="1" t="s">
        <v>31</v>
      </c>
      <c r="I15" s="1" t="s">
        <v>97</v>
      </c>
      <c r="J15" s="1" t="s">
        <v>333</v>
      </c>
      <c r="K15" s="1" t="s">
        <v>167</v>
      </c>
      <c r="L15" s="1" t="s">
        <v>34</v>
      </c>
      <c r="N15" s="1" t="s">
        <v>35</v>
      </c>
      <c r="O15" s="1" t="s">
        <v>36</v>
      </c>
      <c r="P15" s="1" t="s">
        <v>37</v>
      </c>
      <c r="Q15" s="1" t="s">
        <v>100</v>
      </c>
      <c r="R15" s="1" t="s">
        <v>85</v>
      </c>
      <c r="S15" s="1" t="s">
        <v>200</v>
      </c>
      <c r="U15" s="1">
        <v>8.3000000000000007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1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1</v>
      </c>
      <c r="B16" s="2">
        <v>0.42986111111111108</v>
      </c>
      <c r="C16" s="1" t="s">
        <v>663</v>
      </c>
      <c r="D16" s="1" t="s">
        <v>51</v>
      </c>
      <c r="E16" s="1" t="s">
        <v>28</v>
      </c>
      <c r="F16" s="1" t="s">
        <v>138</v>
      </c>
      <c r="G16" s="1" t="s">
        <v>581</v>
      </c>
      <c r="H16" s="1" t="s">
        <v>96</v>
      </c>
      <c r="I16" s="1" t="s">
        <v>73</v>
      </c>
      <c r="J16" s="1" t="s">
        <v>412</v>
      </c>
      <c r="K16" s="1" t="s">
        <v>64</v>
      </c>
      <c r="L16" s="1" t="s">
        <v>34</v>
      </c>
      <c r="N16" s="1" t="s">
        <v>35</v>
      </c>
      <c r="O16" s="1" t="s">
        <v>208</v>
      </c>
      <c r="P16" s="1" t="s">
        <v>37</v>
      </c>
      <c r="Q16" s="1" t="s">
        <v>58</v>
      </c>
      <c r="R16" s="1" t="s">
        <v>220</v>
      </c>
      <c r="S16" s="1" t="s">
        <v>137</v>
      </c>
      <c r="T16" s="1" t="s">
        <v>69</v>
      </c>
      <c r="U16" s="1">
        <v>7.8</v>
      </c>
      <c r="V16" s="3">
        <v>49000</v>
      </c>
      <c r="W16" s="1"/>
      <c r="X16" s="1">
        <v>2</v>
      </c>
      <c r="Y16" s="1">
        <v>0.34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1.2</v>
      </c>
      <c r="BD16" s="1">
        <v>1.2</v>
      </c>
      <c r="BE16" s="1"/>
      <c r="BF16" s="1" t="s">
        <v>685</v>
      </c>
      <c r="BG16" s="1">
        <v>2.5000000000000001E-3</v>
      </c>
      <c r="BH16" s="1" t="s">
        <v>686</v>
      </c>
      <c r="BI16" s="1">
        <v>1.0999999999999999E-2</v>
      </c>
      <c r="BJ16" s="1" t="s">
        <v>685</v>
      </c>
      <c r="BK16" s="1"/>
      <c r="BL16" s="1" t="s">
        <v>703</v>
      </c>
      <c r="BM16" s="1">
        <v>0.04</v>
      </c>
      <c r="BN16" s="1">
        <v>0.32</v>
      </c>
      <c r="BO16" s="1">
        <v>70</v>
      </c>
      <c r="BP16" s="1"/>
      <c r="BQ16" s="1"/>
      <c r="BR16" s="1" t="s">
        <v>702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2013888888888886</v>
      </c>
      <c r="C17" s="1" t="s">
        <v>663</v>
      </c>
      <c r="D17" s="1" t="s">
        <v>42</v>
      </c>
      <c r="E17" s="1" t="s">
        <v>28</v>
      </c>
      <c r="F17" s="1" t="s">
        <v>550</v>
      </c>
      <c r="G17" s="1" t="s">
        <v>212</v>
      </c>
      <c r="H17" s="1" t="s">
        <v>107</v>
      </c>
      <c r="I17" s="1" t="s">
        <v>55</v>
      </c>
      <c r="J17" s="1" t="s">
        <v>412</v>
      </c>
      <c r="K17" s="1" t="s">
        <v>197</v>
      </c>
      <c r="L17" s="1" t="s">
        <v>34</v>
      </c>
      <c r="N17" s="1" t="s">
        <v>35</v>
      </c>
      <c r="O17" s="1" t="s">
        <v>36</v>
      </c>
      <c r="P17" s="1" t="s">
        <v>37</v>
      </c>
      <c r="Q17" s="1" t="s">
        <v>100</v>
      </c>
      <c r="R17" s="1" t="s">
        <v>220</v>
      </c>
      <c r="S17" s="1" t="s">
        <v>108</v>
      </c>
      <c r="U17" s="1">
        <v>8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69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4375</v>
      </c>
      <c r="C18" s="1" t="s">
        <v>663</v>
      </c>
      <c r="D18" s="1" t="s">
        <v>42</v>
      </c>
      <c r="E18" s="1" t="s">
        <v>152</v>
      </c>
      <c r="F18" s="1" t="s">
        <v>582</v>
      </c>
      <c r="G18" s="1" t="s">
        <v>332</v>
      </c>
      <c r="H18" s="1" t="s">
        <v>54</v>
      </c>
      <c r="I18" s="1" t="s">
        <v>294</v>
      </c>
      <c r="J18" s="1" t="s">
        <v>412</v>
      </c>
      <c r="K18" s="1" t="s">
        <v>583</v>
      </c>
      <c r="L18" s="1" t="s">
        <v>584</v>
      </c>
      <c r="N18" s="1" t="s">
        <v>35</v>
      </c>
      <c r="O18" s="1" t="s">
        <v>418</v>
      </c>
      <c r="P18" s="1" t="s">
        <v>426</v>
      </c>
      <c r="Q18" s="1" t="s">
        <v>38</v>
      </c>
      <c r="R18" s="1" t="s">
        <v>142</v>
      </c>
      <c r="S18" s="1" t="s">
        <v>505</v>
      </c>
      <c r="U18" s="1">
        <v>7.9</v>
      </c>
      <c r="V18" s="1"/>
      <c r="W18" s="1"/>
      <c r="X18" s="1">
        <v>1.5</v>
      </c>
      <c r="Y18" s="1">
        <v>0.24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1</v>
      </c>
      <c r="BC18" s="1">
        <v>0.97</v>
      </c>
      <c r="BD18" s="1">
        <v>1</v>
      </c>
      <c r="BE18" s="1"/>
      <c r="BF18" s="1"/>
      <c r="BG18" s="1"/>
      <c r="BH18" s="1"/>
      <c r="BI18" s="1"/>
      <c r="BJ18" s="1"/>
      <c r="BK18" s="1"/>
      <c r="BL18" s="1"/>
      <c r="BM18" s="1">
        <v>0.06</v>
      </c>
      <c r="BN18" s="1">
        <v>0.22</v>
      </c>
      <c r="BO18" s="1">
        <v>70</v>
      </c>
      <c r="BP18" s="1">
        <v>14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3680555555555547</v>
      </c>
      <c r="C19" s="1" t="s">
        <v>663</v>
      </c>
      <c r="D19" s="1" t="s">
        <v>51</v>
      </c>
      <c r="E19" s="1" t="s">
        <v>152</v>
      </c>
      <c r="F19" s="1" t="s">
        <v>410</v>
      </c>
      <c r="G19" s="1" t="s">
        <v>464</v>
      </c>
      <c r="H19" s="1" t="s">
        <v>96</v>
      </c>
      <c r="I19" s="1" t="s">
        <v>585</v>
      </c>
      <c r="J19" s="1" t="s">
        <v>412</v>
      </c>
      <c r="K19" s="1" t="s">
        <v>473</v>
      </c>
      <c r="L19" s="1" t="s">
        <v>586</v>
      </c>
      <c r="N19" s="1" t="s">
        <v>35</v>
      </c>
      <c r="O19" s="1" t="s">
        <v>413</v>
      </c>
      <c r="P19" s="1" t="s">
        <v>37</v>
      </c>
      <c r="Q19" s="1" t="s">
        <v>58</v>
      </c>
      <c r="R19" s="1" t="s">
        <v>220</v>
      </c>
      <c r="S19" s="1" t="s">
        <v>226</v>
      </c>
      <c r="U19" s="1">
        <v>8.4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1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42638888888888887</v>
      </c>
      <c r="C20" s="1" t="s">
        <v>663</v>
      </c>
      <c r="D20" s="1" t="s">
        <v>51</v>
      </c>
      <c r="E20" s="1" t="s">
        <v>664</v>
      </c>
      <c r="F20" s="1" t="s">
        <v>292</v>
      </c>
      <c r="G20" s="1" t="s">
        <v>587</v>
      </c>
      <c r="H20" s="1" t="s">
        <v>54</v>
      </c>
      <c r="I20" s="1" t="s">
        <v>242</v>
      </c>
      <c r="J20" s="1" t="s">
        <v>412</v>
      </c>
      <c r="K20" s="1" t="s">
        <v>588</v>
      </c>
      <c r="L20" s="1" t="s">
        <v>589</v>
      </c>
      <c r="N20" s="1" t="s">
        <v>509</v>
      </c>
      <c r="O20" s="1" t="s">
        <v>418</v>
      </c>
      <c r="P20" s="1" t="s">
        <v>37</v>
      </c>
      <c r="Q20" s="1" t="s">
        <v>67</v>
      </c>
      <c r="R20" s="1" t="s">
        <v>85</v>
      </c>
      <c r="S20" s="1" t="s">
        <v>122</v>
      </c>
      <c r="T20" s="1" t="s">
        <v>41</v>
      </c>
      <c r="U20" s="1">
        <v>8.3000000000000007</v>
      </c>
      <c r="V20" s="3">
        <v>4900</v>
      </c>
      <c r="W20" s="1"/>
      <c r="X20" s="1">
        <v>1.7</v>
      </c>
      <c r="Y20" s="1">
        <v>0.35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92</v>
      </c>
      <c r="BD20" s="1">
        <v>0.97</v>
      </c>
      <c r="BE20" s="1"/>
      <c r="BF20" s="1"/>
      <c r="BG20" s="1"/>
      <c r="BH20" s="1"/>
      <c r="BI20" s="1"/>
      <c r="BJ20" s="1"/>
      <c r="BK20" s="1"/>
      <c r="BL20" s="1"/>
      <c r="BM20" s="1">
        <v>0.09</v>
      </c>
      <c r="BN20" s="1">
        <v>0.32</v>
      </c>
      <c r="BO20" s="1">
        <v>7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2847222222222217</v>
      </c>
      <c r="C21" s="1" t="s">
        <v>663</v>
      </c>
      <c r="D21" s="1" t="s">
        <v>51</v>
      </c>
      <c r="E21" s="1" t="s">
        <v>664</v>
      </c>
      <c r="F21" s="1" t="s">
        <v>390</v>
      </c>
      <c r="G21" s="1" t="s">
        <v>44</v>
      </c>
      <c r="H21" s="1" t="s">
        <v>107</v>
      </c>
      <c r="I21" s="1" t="s">
        <v>135</v>
      </c>
      <c r="J21" s="1" t="s">
        <v>412</v>
      </c>
      <c r="K21" s="1" t="s">
        <v>583</v>
      </c>
      <c r="L21" s="1" t="s">
        <v>452</v>
      </c>
      <c r="N21" s="1" t="s">
        <v>35</v>
      </c>
      <c r="O21" s="1" t="s">
        <v>418</v>
      </c>
      <c r="P21" s="1" t="s">
        <v>37</v>
      </c>
      <c r="Q21" s="1" t="s">
        <v>67</v>
      </c>
      <c r="R21" s="1" t="s">
        <v>215</v>
      </c>
      <c r="S21" s="1" t="s">
        <v>108</v>
      </c>
      <c r="U21" s="1">
        <v>8.4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68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63</v>
      </c>
      <c r="B22" s="2">
        <v>0.43263888888888885</v>
      </c>
      <c r="C22" s="1" t="s">
        <v>663</v>
      </c>
      <c r="D22" s="1" t="s">
        <v>415</v>
      </c>
      <c r="E22" s="1" t="s">
        <v>28</v>
      </c>
      <c r="F22" s="1" t="s">
        <v>397</v>
      </c>
      <c r="G22" s="1" t="s">
        <v>343</v>
      </c>
      <c r="H22" s="1" t="s">
        <v>54</v>
      </c>
      <c r="I22" s="1" t="s">
        <v>73</v>
      </c>
      <c r="J22" s="1" t="s">
        <v>412</v>
      </c>
      <c r="K22" s="1" t="s">
        <v>406</v>
      </c>
      <c r="L22" s="1" t="s">
        <v>34</v>
      </c>
      <c r="N22" s="1" t="s">
        <v>35</v>
      </c>
      <c r="O22" s="1" t="s">
        <v>36</v>
      </c>
      <c r="P22" s="1" t="s">
        <v>37</v>
      </c>
      <c r="Q22" s="1" t="s">
        <v>209</v>
      </c>
      <c r="R22" s="1" t="s">
        <v>267</v>
      </c>
      <c r="S22" s="1" t="s">
        <v>177</v>
      </c>
      <c r="U22" s="1">
        <v>12.7</v>
      </c>
      <c r="V22" s="1"/>
      <c r="W22" s="1"/>
      <c r="X22" s="1">
        <v>1.2</v>
      </c>
      <c r="Y22" s="1">
        <v>0.28999999999999998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2</v>
      </c>
      <c r="BC22" s="1">
        <v>0.99</v>
      </c>
      <c r="BD22" s="1">
        <v>1</v>
      </c>
      <c r="BE22" s="1"/>
      <c r="BF22" s="1"/>
      <c r="BG22" s="1"/>
      <c r="BH22" s="1"/>
      <c r="BI22" s="1"/>
      <c r="BJ22" s="1"/>
      <c r="BK22" s="1"/>
      <c r="BL22" s="1"/>
      <c r="BM22" s="1">
        <v>7.0000000000000007E-2</v>
      </c>
      <c r="BN22" s="1">
        <v>0.28000000000000003</v>
      </c>
      <c r="BO22" s="1">
        <v>60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4930555555555554</v>
      </c>
      <c r="C23" s="1" t="s">
        <v>663</v>
      </c>
      <c r="D23" s="1" t="s">
        <v>51</v>
      </c>
      <c r="E23" s="1" t="s">
        <v>28</v>
      </c>
      <c r="F23" s="1" t="s">
        <v>162</v>
      </c>
      <c r="G23" s="1" t="s">
        <v>114</v>
      </c>
      <c r="H23" s="1" t="s">
        <v>96</v>
      </c>
      <c r="I23" s="1" t="s">
        <v>337</v>
      </c>
      <c r="J23" s="1" t="s">
        <v>412</v>
      </c>
      <c r="K23" s="1" t="s">
        <v>374</v>
      </c>
      <c r="L23" s="1" t="s">
        <v>34</v>
      </c>
      <c r="N23" s="1" t="s">
        <v>35</v>
      </c>
      <c r="O23" s="1" t="s">
        <v>36</v>
      </c>
      <c r="P23" s="1" t="s">
        <v>37</v>
      </c>
      <c r="Q23" s="1" t="s">
        <v>209</v>
      </c>
      <c r="R23" s="1" t="s">
        <v>85</v>
      </c>
      <c r="S23" s="1" t="s">
        <v>102</v>
      </c>
      <c r="U23" s="1">
        <v>12.6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60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474</v>
      </c>
      <c r="B24" s="2">
        <v>0.42638888888888887</v>
      </c>
      <c r="C24" s="1" t="s">
        <v>663</v>
      </c>
      <c r="D24" s="1" t="s">
        <v>42</v>
      </c>
      <c r="E24" s="1" t="s">
        <v>28</v>
      </c>
      <c r="F24" s="1" t="s">
        <v>494</v>
      </c>
      <c r="G24" s="1" t="s">
        <v>76</v>
      </c>
      <c r="H24" s="1" t="s">
        <v>54</v>
      </c>
      <c r="I24" s="1" t="s">
        <v>440</v>
      </c>
      <c r="J24" s="1" t="s">
        <v>412</v>
      </c>
      <c r="K24" s="1" t="s">
        <v>590</v>
      </c>
      <c r="L24" s="1" t="s">
        <v>34</v>
      </c>
      <c r="N24" s="1" t="s">
        <v>35</v>
      </c>
      <c r="O24" s="1" t="s">
        <v>36</v>
      </c>
      <c r="P24" s="1" t="s">
        <v>37</v>
      </c>
      <c r="Q24" s="1" t="s">
        <v>67</v>
      </c>
      <c r="R24" s="1" t="s">
        <v>59</v>
      </c>
      <c r="S24" s="1" t="s">
        <v>146</v>
      </c>
      <c r="T24" s="1" t="s">
        <v>69</v>
      </c>
      <c r="U24" s="1">
        <v>10.8</v>
      </c>
      <c r="V24" s="3">
        <v>13000</v>
      </c>
      <c r="W24" s="1" t="s">
        <v>682</v>
      </c>
      <c r="X24" s="1">
        <v>1.2</v>
      </c>
      <c r="Y24" s="1">
        <v>0.27</v>
      </c>
      <c r="Z24" s="1">
        <v>4.8999999999999998E-3</v>
      </c>
      <c r="AA24" s="1" t="s">
        <v>728</v>
      </c>
      <c r="AB24" s="1" t="s">
        <v>746</v>
      </c>
      <c r="AC24" s="1" t="s">
        <v>683</v>
      </c>
      <c r="AD24" s="1" t="s">
        <v>689</v>
      </c>
      <c r="AE24" s="1" t="s">
        <v>687</v>
      </c>
      <c r="AF24" s="1" t="s">
        <v>686</v>
      </c>
      <c r="AG24" s="1">
        <v>1.6999999999999999E-3</v>
      </c>
      <c r="AH24" s="1" t="s">
        <v>687</v>
      </c>
      <c r="AI24" s="1"/>
      <c r="AJ24" s="1" t="s">
        <v>687</v>
      </c>
      <c r="AK24" s="1" t="s">
        <v>688</v>
      </c>
      <c r="AL24" s="1" t="s">
        <v>688</v>
      </c>
      <c r="AM24" s="1" t="s">
        <v>688</v>
      </c>
      <c r="AN24" s="1" t="s">
        <v>688</v>
      </c>
      <c r="AO24" s="1" t="s">
        <v>688</v>
      </c>
      <c r="AP24" t="s">
        <v>688</v>
      </c>
      <c r="AQ24" s="1" t="s">
        <v>688</v>
      </c>
      <c r="AR24" s="1" t="s">
        <v>688</v>
      </c>
      <c r="AS24" s="1" t="s">
        <v>688</v>
      </c>
      <c r="AT24" s="1" t="s">
        <v>696</v>
      </c>
      <c r="AU24" s="1"/>
      <c r="AV24" s="1"/>
      <c r="AW24" s="1"/>
      <c r="AX24" s="1" t="s">
        <v>688</v>
      </c>
      <c r="AY24" s="1" t="s">
        <v>687</v>
      </c>
      <c r="AZ24" s="1"/>
      <c r="BA24" s="1"/>
      <c r="BB24" s="1">
        <v>0.01</v>
      </c>
      <c r="BC24" s="1">
        <v>0.98</v>
      </c>
      <c r="BD24" s="1">
        <v>1</v>
      </c>
      <c r="BE24" s="1" t="s">
        <v>685</v>
      </c>
      <c r="BF24" s="1"/>
      <c r="BG24" s="1"/>
      <c r="BH24" s="1"/>
      <c r="BI24" s="1"/>
      <c r="BJ24" s="1"/>
      <c r="BK24" s="1"/>
      <c r="BL24" s="1"/>
      <c r="BM24" s="1">
        <v>0.06</v>
      </c>
      <c r="BN24" s="1">
        <v>0.26</v>
      </c>
      <c r="BO24" s="1">
        <v>77</v>
      </c>
      <c r="BP24" s="1">
        <v>11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3124999999999993</v>
      </c>
      <c r="C25" s="1" t="s">
        <v>663</v>
      </c>
      <c r="D25" s="1" t="s">
        <v>42</v>
      </c>
      <c r="E25" s="1" t="s">
        <v>28</v>
      </c>
      <c r="F25" s="1" t="s">
        <v>121</v>
      </c>
      <c r="G25" s="1" t="s">
        <v>493</v>
      </c>
      <c r="H25" s="1" t="s">
        <v>54</v>
      </c>
      <c r="I25" s="1" t="s">
        <v>340</v>
      </c>
      <c r="J25" s="1" t="s">
        <v>412</v>
      </c>
      <c r="K25" s="1" t="s">
        <v>445</v>
      </c>
      <c r="L25" s="1" t="s">
        <v>34</v>
      </c>
      <c r="N25" s="1" t="s">
        <v>35</v>
      </c>
      <c r="O25" s="1" t="s">
        <v>36</v>
      </c>
      <c r="P25" s="1" t="s">
        <v>37</v>
      </c>
      <c r="Q25" s="1" t="s">
        <v>76</v>
      </c>
      <c r="R25" s="1" t="s">
        <v>267</v>
      </c>
      <c r="S25" s="1" t="s">
        <v>137</v>
      </c>
      <c r="U25" s="1">
        <v>11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72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80</v>
      </c>
      <c r="B26" s="2">
        <v>0.42222222222222222</v>
      </c>
      <c r="C26" s="1" t="s">
        <v>663</v>
      </c>
      <c r="D26" s="1" t="s">
        <v>42</v>
      </c>
      <c r="E26" s="1" t="s">
        <v>28</v>
      </c>
      <c r="F26" s="1" t="s">
        <v>512</v>
      </c>
      <c r="G26" s="1" t="s">
        <v>591</v>
      </c>
      <c r="H26" s="1" t="s">
        <v>96</v>
      </c>
      <c r="I26" s="1" t="s">
        <v>55</v>
      </c>
      <c r="J26" s="1" t="s">
        <v>412</v>
      </c>
      <c r="K26" s="1" t="s">
        <v>406</v>
      </c>
      <c r="L26" s="1" t="s">
        <v>592</v>
      </c>
      <c r="N26" s="1" t="s">
        <v>35</v>
      </c>
      <c r="O26" s="1" t="s">
        <v>418</v>
      </c>
      <c r="P26" s="1" t="s">
        <v>37</v>
      </c>
      <c r="Q26" s="1" t="s">
        <v>100</v>
      </c>
      <c r="R26" s="1" t="s">
        <v>77</v>
      </c>
      <c r="S26" s="1" t="s">
        <v>460</v>
      </c>
      <c r="U26" s="1">
        <v>9</v>
      </c>
      <c r="V26" s="1"/>
      <c r="W26" s="1"/>
      <c r="X26" s="1">
        <v>2.1</v>
      </c>
      <c r="Y26" s="1">
        <v>0.3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687</v>
      </c>
      <c r="AV26" s="1" t="s">
        <v>683</v>
      </c>
      <c r="AW26" s="1" t="s">
        <v>683</v>
      </c>
      <c r="AX26" s="1"/>
      <c r="AY26" s="1"/>
      <c r="AZ26" s="1"/>
      <c r="BA26" s="1"/>
      <c r="BB26" s="1">
        <v>0.02</v>
      </c>
      <c r="BC26" s="1">
        <v>1.6</v>
      </c>
      <c r="BD26" s="1">
        <v>1.6</v>
      </c>
      <c r="BE26" s="1"/>
      <c r="BF26" s="1"/>
      <c r="BG26" s="1"/>
      <c r="BH26" s="1"/>
      <c r="BI26" s="1"/>
      <c r="BJ26" s="1"/>
      <c r="BK26" s="1"/>
      <c r="BL26" s="1"/>
      <c r="BM26" s="1">
        <v>7.0000000000000007E-2</v>
      </c>
      <c r="BN26" s="1">
        <v>0.28999999999999998</v>
      </c>
      <c r="BO26" s="1">
        <v>4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1180555555555556</v>
      </c>
      <c r="C27" s="1" t="s">
        <v>663</v>
      </c>
      <c r="D27" s="1" t="s">
        <v>42</v>
      </c>
      <c r="E27" s="1" t="s">
        <v>28</v>
      </c>
      <c r="F27" s="1" t="s">
        <v>593</v>
      </c>
      <c r="G27" s="1" t="s">
        <v>403</v>
      </c>
      <c r="H27" s="1" t="s">
        <v>294</v>
      </c>
      <c r="I27" s="1" t="s">
        <v>594</v>
      </c>
      <c r="J27" s="1" t="s">
        <v>412</v>
      </c>
      <c r="K27" s="1" t="s">
        <v>436</v>
      </c>
      <c r="L27" s="1" t="s">
        <v>595</v>
      </c>
      <c r="N27" s="1" t="s">
        <v>509</v>
      </c>
      <c r="O27" s="1" t="s">
        <v>418</v>
      </c>
      <c r="P27" s="1" t="s">
        <v>37</v>
      </c>
      <c r="Q27" s="1" t="s">
        <v>76</v>
      </c>
      <c r="R27" s="1" t="s">
        <v>215</v>
      </c>
      <c r="S27" s="1" t="s">
        <v>146</v>
      </c>
      <c r="U27" s="1">
        <v>9.5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45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9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78</v>
      </c>
      <c r="C1" s="1" t="s">
        <v>1</v>
      </c>
      <c r="D1" s="1" t="s">
        <v>708</v>
      </c>
      <c r="E1" s="1" t="s">
        <v>2</v>
      </c>
      <c r="F1" s="1" t="s">
        <v>654</v>
      </c>
      <c r="G1" s="1" t="s">
        <v>3</v>
      </c>
      <c r="H1" s="1" t="s">
        <v>67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56</v>
      </c>
      <c r="V2" s="1" t="s">
        <v>605</v>
      </c>
      <c r="W2" s="1" t="s">
        <v>679</v>
      </c>
      <c r="X2" s="1" t="s">
        <v>606</v>
      </c>
      <c r="Y2" s="1" t="s">
        <v>607</v>
      </c>
      <c r="Z2" s="1" t="s">
        <v>608</v>
      </c>
      <c r="AA2" s="1" t="s">
        <v>709</v>
      </c>
      <c r="AB2" s="1" t="s">
        <v>719</v>
      </c>
      <c r="AC2" s="1" t="s">
        <v>609</v>
      </c>
      <c r="AD2" s="1" t="s">
        <v>610</v>
      </c>
      <c r="AE2" s="1" t="s">
        <v>680</v>
      </c>
      <c r="AF2" s="1" t="s">
        <v>611</v>
      </c>
      <c r="AG2" s="1" t="s">
        <v>612</v>
      </c>
      <c r="AH2" s="1" t="s">
        <v>613</v>
      </c>
      <c r="AI2" s="1" t="s">
        <v>614</v>
      </c>
      <c r="AJ2" s="1" t="s">
        <v>615</v>
      </c>
      <c r="AK2" s="1" t="s">
        <v>616</v>
      </c>
      <c r="AL2" s="1" t="s">
        <v>617</v>
      </c>
      <c r="AM2" s="1" t="s">
        <v>618</v>
      </c>
      <c r="AN2" s="1" t="s">
        <v>619</v>
      </c>
      <c r="AO2" s="1" t="s">
        <v>620</v>
      </c>
      <c r="AP2" t="s">
        <v>704</v>
      </c>
      <c r="AQ2" s="1" t="s">
        <v>621</v>
      </c>
      <c r="AR2" s="1" t="s">
        <v>622</v>
      </c>
      <c r="AS2" s="1" t="s">
        <v>623</v>
      </c>
      <c r="AT2" s="1" t="s">
        <v>690</v>
      </c>
      <c r="AU2" s="1" t="s">
        <v>624</v>
      </c>
      <c r="AV2" s="1" t="s">
        <v>625</v>
      </c>
      <c r="AW2" s="1" t="s">
        <v>626</v>
      </c>
      <c r="AX2" s="1" t="s">
        <v>627</v>
      </c>
      <c r="AY2" s="1" t="s">
        <v>628</v>
      </c>
      <c r="AZ2" s="1" t="s">
        <v>629</v>
      </c>
      <c r="BA2" s="1" t="s">
        <v>630</v>
      </c>
      <c r="BB2" s="1" t="s">
        <v>631</v>
      </c>
      <c r="BC2" s="1" t="s">
        <v>632</v>
      </c>
      <c r="BD2" s="1" t="s">
        <v>633</v>
      </c>
      <c r="BE2" s="1" t="s">
        <v>712</v>
      </c>
      <c r="BF2" s="1" t="s">
        <v>634</v>
      </c>
      <c r="BG2" s="1" t="s">
        <v>691</v>
      </c>
      <c r="BH2" s="1" t="s">
        <v>692</v>
      </c>
      <c r="BI2" s="1" t="s">
        <v>635</v>
      </c>
      <c r="BJ2" s="1" t="s">
        <v>636</v>
      </c>
      <c r="BK2" s="1" t="s">
        <v>637</v>
      </c>
      <c r="BL2" s="1" t="s">
        <v>638</v>
      </c>
      <c r="BM2" s="1" t="s">
        <v>639</v>
      </c>
      <c r="BN2" s="1" t="s">
        <v>640</v>
      </c>
      <c r="BO2" s="1" t="s">
        <v>641</v>
      </c>
      <c r="BP2" s="1" t="s">
        <v>642</v>
      </c>
      <c r="BQ2" s="1" t="s">
        <v>643</v>
      </c>
      <c r="BR2" s="1" t="s">
        <v>644</v>
      </c>
      <c r="BS2" s="1" t="s">
        <v>645</v>
      </c>
      <c r="BT2" s="1" t="s">
        <v>646</v>
      </c>
      <c r="BU2" s="1" t="s">
        <v>647</v>
      </c>
      <c r="BV2" s="1" t="s">
        <v>648</v>
      </c>
      <c r="BW2" s="1" t="s">
        <v>649</v>
      </c>
      <c r="BX2" s="1" t="s">
        <v>650</v>
      </c>
      <c r="BY2" s="1" t="s">
        <v>651</v>
      </c>
      <c r="BZ2" s="1" t="s">
        <v>697</v>
      </c>
    </row>
    <row r="3" spans="1:78" x14ac:dyDescent="0.15">
      <c r="A3" s="1" t="s">
        <v>657</v>
      </c>
      <c r="B3" s="1" t="s">
        <v>658</v>
      </c>
      <c r="C3" s="1"/>
      <c r="D3" s="1"/>
      <c r="E3" s="1"/>
      <c r="F3" s="1" t="s">
        <v>659</v>
      </c>
      <c r="G3" s="1" t="s">
        <v>659</v>
      </c>
      <c r="H3" s="1" t="s">
        <v>660</v>
      </c>
      <c r="I3" s="1" t="s">
        <v>24</v>
      </c>
      <c r="J3" s="1" t="s">
        <v>661</v>
      </c>
      <c r="K3" s="1" t="s">
        <v>661</v>
      </c>
      <c r="L3" s="1" t="s">
        <v>662</v>
      </c>
      <c r="M3" s="1" t="s">
        <v>6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8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98</v>
      </c>
      <c r="BP3" s="1" t="s">
        <v>25</v>
      </c>
      <c r="BQ3" s="1" t="s">
        <v>699</v>
      </c>
      <c r="BR3" s="1" t="s">
        <v>25</v>
      </c>
      <c r="BS3" s="1" t="s">
        <v>25</v>
      </c>
      <c r="BT3" s="1" t="s">
        <v>7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6111111111111108</v>
      </c>
      <c r="C4" s="1" t="s">
        <v>663</v>
      </c>
      <c r="D4" s="1" t="s">
        <v>27</v>
      </c>
      <c r="E4" s="1" t="s">
        <v>28</v>
      </c>
      <c r="F4" s="1" t="s">
        <v>503</v>
      </c>
      <c r="G4" s="1" t="s">
        <v>513</v>
      </c>
      <c r="H4" s="1" t="s">
        <v>54</v>
      </c>
      <c r="I4" s="1" t="s">
        <v>54</v>
      </c>
      <c r="J4" s="1" t="s">
        <v>412</v>
      </c>
      <c r="K4" s="1" t="s">
        <v>127</v>
      </c>
      <c r="L4" s="1" t="s">
        <v>34</v>
      </c>
      <c r="N4" s="1" t="s">
        <v>491</v>
      </c>
      <c r="O4" s="1" t="s">
        <v>413</v>
      </c>
      <c r="P4" s="1" t="s">
        <v>414</v>
      </c>
      <c r="Q4" s="1" t="s">
        <v>67</v>
      </c>
      <c r="R4" s="1" t="s">
        <v>85</v>
      </c>
      <c r="S4" s="1" t="s">
        <v>137</v>
      </c>
      <c r="T4" s="1" t="s">
        <v>69</v>
      </c>
      <c r="U4" s="1">
        <v>9.9</v>
      </c>
      <c r="V4" s="3">
        <v>7900</v>
      </c>
      <c r="W4" s="1"/>
      <c r="X4" s="1">
        <v>1</v>
      </c>
      <c r="Y4" s="1">
        <v>0.1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79</v>
      </c>
      <c r="BD4" s="1">
        <v>0.84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0.1</v>
      </c>
      <c r="BO4" s="1">
        <v>54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9791666666666663</v>
      </c>
      <c r="C5" s="1" t="s">
        <v>663</v>
      </c>
      <c r="D5" s="1" t="s">
        <v>42</v>
      </c>
      <c r="E5" s="1" t="s">
        <v>28</v>
      </c>
      <c r="F5" s="1" t="s">
        <v>573</v>
      </c>
      <c r="G5" s="1" t="s">
        <v>159</v>
      </c>
      <c r="H5" s="1" t="s">
        <v>54</v>
      </c>
      <c r="I5" s="1" t="s">
        <v>54</v>
      </c>
      <c r="J5" s="1" t="s">
        <v>412</v>
      </c>
      <c r="K5" s="1" t="s">
        <v>362</v>
      </c>
      <c r="L5" s="1" t="s">
        <v>34</v>
      </c>
      <c r="N5" s="1" t="s">
        <v>509</v>
      </c>
      <c r="O5" s="1" t="s">
        <v>36</v>
      </c>
      <c r="P5" s="1" t="s">
        <v>37</v>
      </c>
      <c r="Q5" s="1" t="s">
        <v>209</v>
      </c>
      <c r="R5" s="1" t="s">
        <v>39</v>
      </c>
      <c r="S5" s="1" t="s">
        <v>505</v>
      </c>
      <c r="U5" s="1">
        <v>10.3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52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0</v>
      </c>
      <c r="B6" s="2">
        <v>0.4597222222222222</v>
      </c>
      <c r="C6" s="1" t="s">
        <v>663</v>
      </c>
      <c r="D6" s="1" t="s">
        <v>415</v>
      </c>
      <c r="E6" s="1" t="s">
        <v>28</v>
      </c>
      <c r="F6" s="1" t="s">
        <v>500</v>
      </c>
      <c r="G6" s="1" t="s">
        <v>274</v>
      </c>
      <c r="H6" s="1" t="s">
        <v>96</v>
      </c>
      <c r="I6" s="1" t="s">
        <v>203</v>
      </c>
      <c r="J6" s="1" t="s">
        <v>412</v>
      </c>
      <c r="K6" s="1" t="s">
        <v>290</v>
      </c>
      <c r="L6" s="1" t="s">
        <v>34</v>
      </c>
      <c r="N6" s="1" t="s">
        <v>35</v>
      </c>
      <c r="O6" s="1" t="s">
        <v>36</v>
      </c>
      <c r="P6" s="1" t="s">
        <v>37</v>
      </c>
      <c r="Q6" s="1" t="s">
        <v>67</v>
      </c>
      <c r="R6" s="1" t="s">
        <v>220</v>
      </c>
      <c r="S6" s="1" t="s">
        <v>101</v>
      </c>
      <c r="U6" s="1">
        <v>10.7</v>
      </c>
      <c r="V6" s="1"/>
      <c r="W6" s="1"/>
      <c r="X6" s="1">
        <v>0.97</v>
      </c>
      <c r="Y6" s="1">
        <v>0.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689</v>
      </c>
      <c r="BC6" s="1">
        <v>0.73</v>
      </c>
      <c r="BD6" s="1">
        <v>0.78</v>
      </c>
      <c r="BE6" s="1"/>
      <c r="BF6" s="1"/>
      <c r="BG6" s="1"/>
      <c r="BH6" s="1"/>
      <c r="BI6" s="1"/>
      <c r="BJ6" s="1"/>
      <c r="BK6" s="1"/>
      <c r="BL6" s="1"/>
      <c r="BM6" s="1" t="s">
        <v>700</v>
      </c>
      <c r="BN6" s="1">
        <v>0.1</v>
      </c>
      <c r="BO6" s="1">
        <v>57</v>
      </c>
      <c r="BP6" s="1">
        <v>32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76527777777777783</v>
      </c>
      <c r="C7" s="1" t="s">
        <v>663</v>
      </c>
      <c r="D7" s="1" t="s">
        <v>415</v>
      </c>
      <c r="E7" s="1" t="s">
        <v>28</v>
      </c>
      <c r="F7" s="1" t="s">
        <v>138</v>
      </c>
      <c r="G7" s="1" t="s">
        <v>88</v>
      </c>
      <c r="H7" s="1" t="s">
        <v>54</v>
      </c>
      <c r="I7" s="1" t="s">
        <v>31</v>
      </c>
      <c r="J7" s="1" t="s">
        <v>412</v>
      </c>
      <c r="K7" s="1" t="s">
        <v>205</v>
      </c>
      <c r="L7" s="1" t="s">
        <v>34</v>
      </c>
      <c r="N7" s="1" t="s">
        <v>35</v>
      </c>
      <c r="O7" s="1" t="s">
        <v>36</v>
      </c>
      <c r="P7" s="1" t="s">
        <v>37</v>
      </c>
      <c r="Q7" s="1" t="s">
        <v>342</v>
      </c>
      <c r="R7" s="1" t="s">
        <v>85</v>
      </c>
      <c r="S7" s="1" t="s">
        <v>137</v>
      </c>
      <c r="U7" s="1">
        <v>12.6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55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27</v>
      </c>
      <c r="B8" s="2">
        <v>0.45277777777777778</v>
      </c>
      <c r="C8" s="1" t="s">
        <v>663</v>
      </c>
      <c r="D8" s="1" t="s">
        <v>51</v>
      </c>
      <c r="E8" s="1" t="s">
        <v>28</v>
      </c>
      <c r="F8" s="1" t="s">
        <v>371</v>
      </c>
      <c r="G8" s="1" t="s">
        <v>379</v>
      </c>
      <c r="H8" s="1" t="s">
        <v>54</v>
      </c>
      <c r="I8" s="1" t="s">
        <v>96</v>
      </c>
      <c r="J8" s="1" t="s">
        <v>412</v>
      </c>
      <c r="K8" s="1" t="s">
        <v>224</v>
      </c>
      <c r="L8" s="1" t="s">
        <v>34</v>
      </c>
      <c r="N8" s="1" t="s">
        <v>491</v>
      </c>
      <c r="O8" s="1" t="s">
        <v>36</v>
      </c>
      <c r="P8" s="1" t="s">
        <v>37</v>
      </c>
      <c r="Q8" s="1" t="s">
        <v>76</v>
      </c>
      <c r="R8" s="1" t="s">
        <v>59</v>
      </c>
      <c r="S8" s="1" t="s">
        <v>150</v>
      </c>
      <c r="T8" s="1" t="s">
        <v>41</v>
      </c>
      <c r="U8" s="1">
        <v>10.6</v>
      </c>
      <c r="V8" s="3">
        <v>13000</v>
      </c>
      <c r="W8" s="1"/>
      <c r="X8" s="1">
        <v>0.88</v>
      </c>
      <c r="Y8" s="1">
        <v>0.13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689</v>
      </c>
      <c r="BC8" s="1">
        <v>0.62</v>
      </c>
      <c r="BD8" s="1">
        <v>0.67</v>
      </c>
      <c r="BE8" s="1"/>
      <c r="BF8" s="1"/>
      <c r="BG8" s="1"/>
      <c r="BH8" s="1"/>
      <c r="BI8" s="1"/>
      <c r="BJ8" s="1"/>
      <c r="BK8" s="1"/>
      <c r="BL8" s="1"/>
      <c r="BM8" s="1" t="s">
        <v>700</v>
      </c>
      <c r="BN8" s="1">
        <v>0.12</v>
      </c>
      <c r="BO8" s="1">
        <v>59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5069444444444444</v>
      </c>
      <c r="C9" s="1" t="s">
        <v>663</v>
      </c>
      <c r="D9" s="1" t="s">
        <v>51</v>
      </c>
      <c r="E9" s="1" t="s">
        <v>28</v>
      </c>
      <c r="F9" s="1" t="s">
        <v>456</v>
      </c>
      <c r="G9" s="1" t="s">
        <v>539</v>
      </c>
      <c r="H9" s="1" t="s">
        <v>54</v>
      </c>
      <c r="I9" s="1" t="s">
        <v>54</v>
      </c>
      <c r="J9" s="1" t="s">
        <v>412</v>
      </c>
      <c r="K9" s="1" t="s">
        <v>506</v>
      </c>
      <c r="L9" s="1" t="s">
        <v>34</v>
      </c>
      <c r="N9" s="1" t="s">
        <v>491</v>
      </c>
      <c r="O9" s="1" t="s">
        <v>36</v>
      </c>
      <c r="P9" s="1" t="s">
        <v>37</v>
      </c>
      <c r="Q9" s="1" t="s">
        <v>342</v>
      </c>
      <c r="R9" s="1" t="s">
        <v>85</v>
      </c>
      <c r="S9" s="1" t="s">
        <v>60</v>
      </c>
      <c r="U9" s="1">
        <v>11.7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57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6</v>
      </c>
      <c r="B10" s="2">
        <v>0.45069444444444445</v>
      </c>
      <c r="C10" s="1" t="s">
        <v>663</v>
      </c>
      <c r="D10" s="1" t="s">
        <v>42</v>
      </c>
      <c r="E10" s="1" t="s">
        <v>28</v>
      </c>
      <c r="F10" s="1" t="s">
        <v>539</v>
      </c>
      <c r="G10" s="1" t="s">
        <v>79</v>
      </c>
      <c r="H10" s="1" t="s">
        <v>54</v>
      </c>
      <c r="I10" s="1" t="s">
        <v>89</v>
      </c>
      <c r="J10" s="1" t="s">
        <v>412</v>
      </c>
      <c r="K10" s="1" t="s">
        <v>166</v>
      </c>
      <c r="L10" s="1" t="s">
        <v>34</v>
      </c>
      <c r="N10" s="1" t="s">
        <v>491</v>
      </c>
      <c r="O10" s="1" t="s">
        <v>36</v>
      </c>
      <c r="P10" s="1" t="s">
        <v>37</v>
      </c>
      <c r="Q10" s="1" t="s">
        <v>67</v>
      </c>
      <c r="R10" s="1" t="s">
        <v>59</v>
      </c>
      <c r="S10" s="1" t="s">
        <v>312</v>
      </c>
      <c r="U10" s="1">
        <v>8.1999999999999993</v>
      </c>
      <c r="V10" s="1"/>
      <c r="W10" s="1"/>
      <c r="X10" s="1">
        <v>0.76</v>
      </c>
      <c r="Y10" s="1">
        <v>0.1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87</v>
      </c>
      <c r="AV10" s="1" t="s">
        <v>683</v>
      </c>
      <c r="AW10" s="1" t="s">
        <v>683</v>
      </c>
      <c r="AX10" s="1"/>
      <c r="AY10" s="1"/>
      <c r="AZ10" s="1"/>
      <c r="BA10" s="1"/>
      <c r="BB10" s="1" t="s">
        <v>689</v>
      </c>
      <c r="BC10" s="1">
        <v>0.65</v>
      </c>
      <c r="BD10" s="1">
        <v>0.7</v>
      </c>
      <c r="BE10" s="1"/>
      <c r="BF10" s="1"/>
      <c r="BG10" s="1"/>
      <c r="BH10" s="1"/>
      <c r="BI10" s="1"/>
      <c r="BJ10" s="1"/>
      <c r="BK10" s="1" t="s">
        <v>687</v>
      </c>
      <c r="BL10" s="1"/>
      <c r="BM10" s="1">
        <v>0.04</v>
      </c>
      <c r="BN10" s="1">
        <v>0.11</v>
      </c>
      <c r="BO10" s="1">
        <v>53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0833333333333337</v>
      </c>
      <c r="C11" s="1" t="s">
        <v>663</v>
      </c>
      <c r="D11" s="1" t="s">
        <v>51</v>
      </c>
      <c r="E11" s="1" t="s">
        <v>28</v>
      </c>
      <c r="F11" s="1" t="s">
        <v>596</v>
      </c>
      <c r="G11" s="1" t="s">
        <v>532</v>
      </c>
      <c r="H11" s="1" t="s">
        <v>54</v>
      </c>
      <c r="I11" s="1" t="s">
        <v>294</v>
      </c>
      <c r="J11" s="1" t="s">
        <v>412</v>
      </c>
      <c r="K11" s="1" t="s">
        <v>362</v>
      </c>
      <c r="L11" s="1" t="s">
        <v>34</v>
      </c>
      <c r="N11" s="1" t="s">
        <v>509</v>
      </c>
      <c r="O11" s="1" t="s">
        <v>36</v>
      </c>
      <c r="P11" s="1" t="s">
        <v>37</v>
      </c>
      <c r="Q11" s="1" t="s">
        <v>84</v>
      </c>
      <c r="R11" s="1" t="s">
        <v>215</v>
      </c>
      <c r="S11" s="1" t="s">
        <v>460</v>
      </c>
      <c r="U11" s="1">
        <v>11.5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51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37</v>
      </c>
      <c r="B12" s="2">
        <v>0.45208333333333334</v>
      </c>
      <c r="C12" s="1" t="s">
        <v>663</v>
      </c>
      <c r="D12" s="1" t="s">
        <v>42</v>
      </c>
      <c r="E12" s="1" t="s">
        <v>28</v>
      </c>
      <c r="F12" s="1" t="s">
        <v>53</v>
      </c>
      <c r="G12" s="1" t="s">
        <v>72</v>
      </c>
      <c r="H12" s="1" t="s">
        <v>89</v>
      </c>
      <c r="I12" s="1" t="s">
        <v>327</v>
      </c>
      <c r="J12" s="1" t="s">
        <v>412</v>
      </c>
      <c r="K12" s="1" t="s">
        <v>65</v>
      </c>
      <c r="L12" s="1" t="s">
        <v>34</v>
      </c>
      <c r="N12" s="1" t="s">
        <v>35</v>
      </c>
      <c r="O12" s="1" t="s">
        <v>413</v>
      </c>
      <c r="P12" s="1" t="s">
        <v>426</v>
      </c>
      <c r="Q12" s="1" t="s">
        <v>76</v>
      </c>
      <c r="R12" s="1" t="s">
        <v>267</v>
      </c>
      <c r="S12" s="1" t="s">
        <v>60</v>
      </c>
      <c r="T12" s="1" t="s">
        <v>123</v>
      </c>
      <c r="U12" s="1">
        <v>8.6999999999999993</v>
      </c>
      <c r="V12" s="3">
        <v>49000</v>
      </c>
      <c r="W12" s="1" t="s">
        <v>682</v>
      </c>
      <c r="X12" s="1">
        <v>1.3</v>
      </c>
      <c r="Y12" s="1">
        <v>0.15</v>
      </c>
      <c r="Z12" s="1">
        <v>5.5999999999999999E-3</v>
      </c>
      <c r="AA12" s="1" t="s">
        <v>728</v>
      </c>
      <c r="AB12" s="1" t="s">
        <v>724</v>
      </c>
      <c r="AC12" s="1" t="s">
        <v>683</v>
      </c>
      <c r="AD12" s="1" t="s">
        <v>689</v>
      </c>
      <c r="AE12" s="1" t="s">
        <v>687</v>
      </c>
      <c r="AF12" s="1" t="s">
        <v>686</v>
      </c>
      <c r="AG12" s="1">
        <v>1.1000000000000001E-3</v>
      </c>
      <c r="AH12" s="1" t="s">
        <v>687</v>
      </c>
      <c r="AI12" s="1"/>
      <c r="AJ12" s="1" t="s">
        <v>687</v>
      </c>
      <c r="AK12" s="1" t="s">
        <v>688</v>
      </c>
      <c r="AL12" s="1" t="s">
        <v>688</v>
      </c>
      <c r="AM12" s="1" t="s">
        <v>688</v>
      </c>
      <c r="AN12" s="1" t="s">
        <v>688</v>
      </c>
      <c r="AO12" s="1" t="s">
        <v>688</v>
      </c>
      <c r="AP12" t="s">
        <v>688</v>
      </c>
      <c r="AQ12" s="1" t="s">
        <v>688</v>
      </c>
      <c r="AR12" s="1" t="s">
        <v>688</v>
      </c>
      <c r="AS12" s="1" t="s">
        <v>688</v>
      </c>
      <c r="AT12" s="1" t="s">
        <v>696</v>
      </c>
      <c r="AU12" s="1"/>
      <c r="AV12" s="1"/>
      <c r="AW12" s="1"/>
      <c r="AX12" s="1" t="s">
        <v>688</v>
      </c>
      <c r="AY12" s="1" t="s">
        <v>687</v>
      </c>
      <c r="AZ12" s="1">
        <v>0.13</v>
      </c>
      <c r="BA12" s="1">
        <v>4.3999999999999997E-2</v>
      </c>
      <c r="BB12" s="1">
        <v>0.01</v>
      </c>
      <c r="BC12" s="1">
        <v>0.96</v>
      </c>
      <c r="BD12" s="1">
        <v>1</v>
      </c>
      <c r="BE12" s="1" t="s">
        <v>685</v>
      </c>
      <c r="BF12" s="1"/>
      <c r="BG12" s="1"/>
      <c r="BH12" s="1"/>
      <c r="BI12" s="1"/>
      <c r="BJ12" s="1"/>
      <c r="BK12" s="1"/>
      <c r="BL12" s="1"/>
      <c r="BM12" s="1">
        <v>0.06</v>
      </c>
      <c r="BN12" s="1">
        <v>0.14000000000000001</v>
      </c>
      <c r="BO12" s="1">
        <v>48</v>
      </c>
      <c r="BP12" s="1">
        <v>24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1944444444444453</v>
      </c>
      <c r="C13" s="1" t="s">
        <v>663</v>
      </c>
      <c r="D13" s="1" t="s">
        <v>42</v>
      </c>
      <c r="E13" s="1" t="s">
        <v>28</v>
      </c>
      <c r="F13" s="1" t="s">
        <v>228</v>
      </c>
      <c r="G13" s="1" t="s">
        <v>279</v>
      </c>
      <c r="H13" s="1" t="s">
        <v>333</v>
      </c>
      <c r="I13" s="1" t="s">
        <v>499</v>
      </c>
      <c r="J13" s="1" t="s">
        <v>412</v>
      </c>
      <c r="K13" s="1" t="s">
        <v>166</v>
      </c>
      <c r="L13" s="1" t="s">
        <v>466</v>
      </c>
      <c r="N13" s="1" t="s">
        <v>35</v>
      </c>
      <c r="O13" s="1" t="s">
        <v>413</v>
      </c>
      <c r="P13" s="1" t="s">
        <v>37</v>
      </c>
      <c r="Q13" s="1" t="s">
        <v>209</v>
      </c>
      <c r="R13" s="1" t="s">
        <v>215</v>
      </c>
      <c r="S13" s="1" t="s">
        <v>174</v>
      </c>
      <c r="U13" s="1">
        <v>8.5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54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449</v>
      </c>
      <c r="B14" s="2">
        <v>0.45</v>
      </c>
      <c r="C14" s="1" t="s">
        <v>663</v>
      </c>
      <c r="D14" s="1" t="s">
        <v>51</v>
      </c>
      <c r="E14" s="1" t="s">
        <v>672</v>
      </c>
      <c r="F14" s="1" t="s">
        <v>490</v>
      </c>
      <c r="G14" s="1" t="s">
        <v>438</v>
      </c>
      <c r="H14" s="1" t="s">
        <v>31</v>
      </c>
      <c r="I14" s="1" t="s">
        <v>440</v>
      </c>
      <c r="J14" s="1" t="s">
        <v>412</v>
      </c>
      <c r="K14" s="1" t="s">
        <v>417</v>
      </c>
      <c r="L14" s="1" t="s">
        <v>34</v>
      </c>
      <c r="N14" s="1" t="s">
        <v>35</v>
      </c>
      <c r="O14" s="1" t="s">
        <v>413</v>
      </c>
      <c r="P14" s="1" t="s">
        <v>37</v>
      </c>
      <c r="Q14" s="1" t="s">
        <v>58</v>
      </c>
      <c r="R14" s="1" t="s">
        <v>267</v>
      </c>
      <c r="S14" s="1" t="s">
        <v>460</v>
      </c>
      <c r="U14" s="1">
        <v>7.9</v>
      </c>
      <c r="V14" s="1"/>
      <c r="W14" s="1"/>
      <c r="X14" s="1">
        <v>1.7</v>
      </c>
      <c r="Y14" s="1">
        <v>0.16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689</v>
      </c>
      <c r="BC14" s="1">
        <v>1.3</v>
      </c>
      <c r="BD14" s="1">
        <v>1.3</v>
      </c>
      <c r="BE14" s="1"/>
      <c r="BF14" s="1"/>
      <c r="BG14" s="1"/>
      <c r="BH14" s="1"/>
      <c r="BI14" s="1"/>
      <c r="BJ14" s="1"/>
      <c r="BK14" s="1"/>
      <c r="BL14" s="1"/>
      <c r="BM14" s="1">
        <v>0.04</v>
      </c>
      <c r="BN14" s="1">
        <v>0.14000000000000001</v>
      </c>
      <c r="BO14" s="1">
        <v>43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5138888888888899</v>
      </c>
      <c r="C15" s="1" t="s">
        <v>663</v>
      </c>
      <c r="D15" s="1" t="s">
        <v>51</v>
      </c>
      <c r="E15" s="1" t="s">
        <v>672</v>
      </c>
      <c r="F15" s="1" t="s">
        <v>597</v>
      </c>
      <c r="G15" s="1" t="s">
        <v>496</v>
      </c>
      <c r="H15" s="1" t="s">
        <v>524</v>
      </c>
      <c r="I15" s="1" t="s">
        <v>598</v>
      </c>
      <c r="J15" s="1" t="s">
        <v>412</v>
      </c>
      <c r="K15" s="1" t="s">
        <v>599</v>
      </c>
      <c r="L15" s="1" t="s">
        <v>600</v>
      </c>
      <c r="N15" s="1" t="s">
        <v>509</v>
      </c>
      <c r="O15" s="1" t="s">
        <v>413</v>
      </c>
      <c r="P15" s="1" t="s">
        <v>482</v>
      </c>
      <c r="Q15" s="1" t="s">
        <v>76</v>
      </c>
      <c r="R15" s="1" t="s">
        <v>215</v>
      </c>
      <c r="S15" s="1" t="s">
        <v>226</v>
      </c>
      <c r="U15" s="1">
        <v>9.1999999999999993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49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1</v>
      </c>
      <c r="B16" s="2">
        <v>0.45</v>
      </c>
      <c r="C16" s="1" t="s">
        <v>663</v>
      </c>
      <c r="D16" s="1" t="s">
        <v>51</v>
      </c>
      <c r="E16" s="1" t="s">
        <v>28</v>
      </c>
      <c r="F16" s="1" t="s">
        <v>278</v>
      </c>
      <c r="G16" s="1" t="s">
        <v>461</v>
      </c>
      <c r="H16" s="1" t="s">
        <v>54</v>
      </c>
      <c r="I16" s="1" t="s">
        <v>203</v>
      </c>
      <c r="J16" s="1" t="s">
        <v>412</v>
      </c>
      <c r="K16" s="1" t="s">
        <v>395</v>
      </c>
      <c r="L16" s="1" t="s">
        <v>34</v>
      </c>
      <c r="N16" s="1" t="s">
        <v>35</v>
      </c>
      <c r="O16" s="1" t="s">
        <v>36</v>
      </c>
      <c r="P16" s="1" t="s">
        <v>37</v>
      </c>
      <c r="Q16" s="1" t="s">
        <v>100</v>
      </c>
      <c r="R16" s="1" t="s">
        <v>316</v>
      </c>
      <c r="S16" s="1" t="s">
        <v>177</v>
      </c>
      <c r="T16" s="1" t="s">
        <v>69</v>
      </c>
      <c r="U16" s="1">
        <v>8.6</v>
      </c>
      <c r="V16" s="3">
        <v>24000</v>
      </c>
      <c r="W16" s="1"/>
      <c r="X16" s="1">
        <v>1.6</v>
      </c>
      <c r="Y16" s="1">
        <v>0.13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689</v>
      </c>
      <c r="BC16" s="1">
        <v>1.3</v>
      </c>
      <c r="BD16" s="1">
        <v>1.3</v>
      </c>
      <c r="BE16" s="1"/>
      <c r="BF16" s="1" t="s">
        <v>685</v>
      </c>
      <c r="BG16" s="1">
        <v>2E-3</v>
      </c>
      <c r="BH16" s="1">
        <v>0.03</v>
      </c>
      <c r="BI16" s="1">
        <v>2.1999999999999999E-2</v>
      </c>
      <c r="BJ16" s="1" t="s">
        <v>685</v>
      </c>
      <c r="BK16" s="1"/>
      <c r="BL16" s="1" t="s">
        <v>703</v>
      </c>
      <c r="BM16" s="1" t="s">
        <v>700</v>
      </c>
      <c r="BN16" s="1">
        <v>0.12</v>
      </c>
      <c r="BO16" s="1">
        <v>51</v>
      </c>
      <c r="BP16" s="1"/>
      <c r="BQ16" s="1"/>
      <c r="BR16" s="1" t="s">
        <v>702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4930555555555554</v>
      </c>
      <c r="C17" s="1" t="s">
        <v>663</v>
      </c>
      <c r="D17" s="1" t="s">
        <v>42</v>
      </c>
      <c r="E17" s="1" t="s">
        <v>28</v>
      </c>
      <c r="F17" s="1" t="s">
        <v>450</v>
      </c>
      <c r="G17" s="1" t="s">
        <v>336</v>
      </c>
      <c r="H17" s="1" t="s">
        <v>96</v>
      </c>
      <c r="I17" s="1" t="s">
        <v>340</v>
      </c>
      <c r="J17" s="1" t="s">
        <v>412</v>
      </c>
      <c r="K17" s="1" t="s">
        <v>601</v>
      </c>
      <c r="L17" s="1" t="s">
        <v>34</v>
      </c>
      <c r="N17" s="1" t="s">
        <v>602</v>
      </c>
      <c r="O17" s="1" t="s">
        <v>36</v>
      </c>
      <c r="P17" s="1" t="s">
        <v>37</v>
      </c>
      <c r="Q17" s="1" t="s">
        <v>67</v>
      </c>
      <c r="R17" s="1" t="s">
        <v>220</v>
      </c>
      <c r="S17" s="1" t="s">
        <v>68</v>
      </c>
      <c r="U17" s="1">
        <v>8.5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52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4548611111111111</v>
      </c>
      <c r="C18" s="1" t="s">
        <v>663</v>
      </c>
      <c r="D18" s="1" t="s">
        <v>42</v>
      </c>
      <c r="E18" s="1" t="s">
        <v>152</v>
      </c>
      <c r="F18" s="1" t="s">
        <v>518</v>
      </c>
      <c r="G18" s="1" t="s">
        <v>518</v>
      </c>
      <c r="H18" s="1" t="s">
        <v>96</v>
      </c>
      <c r="I18" s="1" t="s">
        <v>333</v>
      </c>
      <c r="J18" s="1" t="s">
        <v>412</v>
      </c>
      <c r="K18" s="1" t="s">
        <v>64</v>
      </c>
      <c r="L18" s="1" t="s">
        <v>34</v>
      </c>
      <c r="N18" s="1" t="s">
        <v>35</v>
      </c>
      <c r="O18" s="1" t="s">
        <v>447</v>
      </c>
      <c r="P18" s="1" t="s">
        <v>37</v>
      </c>
      <c r="Q18" s="1" t="s">
        <v>58</v>
      </c>
      <c r="R18" s="1" t="s">
        <v>267</v>
      </c>
      <c r="S18" s="1" t="s">
        <v>185</v>
      </c>
      <c r="U18" s="1">
        <v>8.4</v>
      </c>
      <c r="V18" s="1"/>
      <c r="W18" s="1"/>
      <c r="X18" s="1">
        <v>1.6</v>
      </c>
      <c r="Y18" s="1">
        <v>0.15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689</v>
      </c>
      <c r="BC18" s="1">
        <v>1.1000000000000001</v>
      </c>
      <c r="BD18" s="1">
        <v>1.1000000000000001</v>
      </c>
      <c r="BE18" s="1"/>
      <c r="BF18" s="1"/>
      <c r="BG18" s="1"/>
      <c r="BH18" s="1"/>
      <c r="BI18" s="1"/>
      <c r="BJ18" s="1"/>
      <c r="BK18" s="1"/>
      <c r="BL18" s="1"/>
      <c r="BM18" s="1">
        <v>0.06</v>
      </c>
      <c r="BN18" s="1">
        <v>0.13</v>
      </c>
      <c r="BO18" s="1">
        <v>100</v>
      </c>
      <c r="BP18" s="1">
        <v>2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5</v>
      </c>
      <c r="C19" s="1" t="s">
        <v>663</v>
      </c>
      <c r="D19" s="1" t="s">
        <v>51</v>
      </c>
      <c r="E19" s="1" t="s">
        <v>152</v>
      </c>
      <c r="F19" s="1" t="s">
        <v>573</v>
      </c>
      <c r="G19" s="1" t="s">
        <v>390</v>
      </c>
      <c r="H19" s="1" t="s">
        <v>31</v>
      </c>
      <c r="I19" s="1" t="s">
        <v>188</v>
      </c>
      <c r="J19" s="1" t="s">
        <v>412</v>
      </c>
      <c r="K19" s="1" t="s">
        <v>395</v>
      </c>
      <c r="L19" s="1" t="s">
        <v>34</v>
      </c>
      <c r="N19" s="1" t="s">
        <v>35</v>
      </c>
      <c r="O19" s="1" t="s">
        <v>36</v>
      </c>
      <c r="P19" s="1" t="s">
        <v>37</v>
      </c>
      <c r="Q19" s="1" t="s">
        <v>67</v>
      </c>
      <c r="R19" s="1" t="s">
        <v>161</v>
      </c>
      <c r="S19" s="1" t="s">
        <v>108</v>
      </c>
      <c r="U19" s="1">
        <v>9.4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7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1</v>
      </c>
      <c r="B20" s="2">
        <v>0.45277777777777778</v>
      </c>
      <c r="C20" s="1" t="s">
        <v>663</v>
      </c>
      <c r="D20" s="1" t="s">
        <v>51</v>
      </c>
      <c r="E20" s="1" t="s">
        <v>672</v>
      </c>
      <c r="F20" s="1" t="s">
        <v>502</v>
      </c>
      <c r="G20" s="1" t="s">
        <v>44</v>
      </c>
      <c r="H20" s="1" t="s">
        <v>31</v>
      </c>
      <c r="I20" s="1" t="s">
        <v>353</v>
      </c>
      <c r="J20" s="1" t="s">
        <v>412</v>
      </c>
      <c r="K20" s="1" t="s">
        <v>224</v>
      </c>
      <c r="L20" s="1" t="s">
        <v>485</v>
      </c>
      <c r="N20" s="1" t="s">
        <v>35</v>
      </c>
      <c r="O20" s="1" t="s">
        <v>486</v>
      </c>
      <c r="P20" s="1" t="s">
        <v>37</v>
      </c>
      <c r="Q20" s="1" t="s">
        <v>38</v>
      </c>
      <c r="R20" s="1" t="s">
        <v>267</v>
      </c>
      <c r="S20" s="1" t="s">
        <v>226</v>
      </c>
      <c r="T20" s="1" t="s">
        <v>103</v>
      </c>
      <c r="U20" s="1">
        <v>8</v>
      </c>
      <c r="V20" s="3">
        <v>13000</v>
      </c>
      <c r="W20" s="1"/>
      <c r="X20" s="1">
        <v>1.4</v>
      </c>
      <c r="Y20" s="1">
        <v>0.15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1</v>
      </c>
      <c r="BD20" s="1">
        <v>1</v>
      </c>
      <c r="BE20" s="1"/>
      <c r="BF20" s="1"/>
      <c r="BG20" s="1"/>
      <c r="BH20" s="1"/>
      <c r="BI20" s="1"/>
      <c r="BJ20" s="1"/>
      <c r="BK20" s="1"/>
      <c r="BL20" s="1"/>
      <c r="BM20" s="1">
        <v>0.09</v>
      </c>
      <c r="BN20" s="1">
        <v>0.13</v>
      </c>
      <c r="BO20" s="1">
        <v>15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3958333333333337</v>
      </c>
      <c r="C21" s="1" t="s">
        <v>663</v>
      </c>
      <c r="D21" s="1" t="s">
        <v>51</v>
      </c>
      <c r="E21" s="1" t="s">
        <v>672</v>
      </c>
      <c r="F21" s="1" t="s">
        <v>144</v>
      </c>
      <c r="G21" s="1" t="s">
        <v>603</v>
      </c>
      <c r="H21" s="1" t="s">
        <v>54</v>
      </c>
      <c r="I21" s="1" t="s">
        <v>107</v>
      </c>
      <c r="J21" s="1" t="s">
        <v>412</v>
      </c>
      <c r="K21" s="1" t="s">
        <v>459</v>
      </c>
      <c r="L21" s="1" t="s">
        <v>34</v>
      </c>
      <c r="N21" s="1" t="s">
        <v>35</v>
      </c>
      <c r="O21" s="1" t="s">
        <v>36</v>
      </c>
      <c r="P21" s="1" t="s">
        <v>37</v>
      </c>
      <c r="Q21" s="1" t="s">
        <v>67</v>
      </c>
      <c r="R21" s="1" t="s">
        <v>59</v>
      </c>
      <c r="S21" s="1" t="s">
        <v>146</v>
      </c>
      <c r="U21" s="1">
        <v>9.9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7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63</v>
      </c>
      <c r="B22" s="2">
        <v>0.45416666666666666</v>
      </c>
      <c r="C22" s="1" t="s">
        <v>663</v>
      </c>
      <c r="D22" s="1" t="s">
        <v>415</v>
      </c>
      <c r="E22" s="1" t="s">
        <v>28</v>
      </c>
      <c r="F22" s="1" t="s">
        <v>358</v>
      </c>
      <c r="G22" s="1" t="s">
        <v>419</v>
      </c>
      <c r="H22" s="1" t="s">
        <v>96</v>
      </c>
      <c r="I22" s="1" t="s">
        <v>203</v>
      </c>
      <c r="J22" s="1" t="s">
        <v>412</v>
      </c>
      <c r="K22" s="1" t="s">
        <v>166</v>
      </c>
      <c r="L22" s="1" t="s">
        <v>34</v>
      </c>
      <c r="N22" s="1" t="s">
        <v>35</v>
      </c>
      <c r="O22" s="1" t="s">
        <v>413</v>
      </c>
      <c r="P22" s="1" t="s">
        <v>37</v>
      </c>
      <c r="Q22" s="1" t="s">
        <v>100</v>
      </c>
      <c r="R22" s="1" t="s">
        <v>316</v>
      </c>
      <c r="S22" s="1" t="s">
        <v>312</v>
      </c>
      <c r="U22" s="1">
        <v>10.199999999999999</v>
      </c>
      <c r="V22" s="1"/>
      <c r="W22" s="1"/>
      <c r="X22" s="1">
        <v>1.2</v>
      </c>
      <c r="Y22" s="1">
        <v>0.1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1</v>
      </c>
      <c r="BC22" s="1">
        <v>0.82</v>
      </c>
      <c r="BD22" s="1">
        <v>0.87</v>
      </c>
      <c r="BE22" s="1"/>
      <c r="BF22" s="1"/>
      <c r="BG22" s="1"/>
      <c r="BH22" s="1"/>
      <c r="BI22" s="1"/>
      <c r="BJ22" s="1"/>
      <c r="BK22" s="1"/>
      <c r="BL22" s="1"/>
      <c r="BM22" s="1">
        <v>7.0000000000000007E-2</v>
      </c>
      <c r="BN22" s="1">
        <v>0.11</v>
      </c>
      <c r="BO22" s="1">
        <v>1300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3958333333333337</v>
      </c>
      <c r="C23" s="1" t="s">
        <v>663</v>
      </c>
      <c r="D23" s="1" t="s">
        <v>415</v>
      </c>
      <c r="E23" s="1" t="s">
        <v>28</v>
      </c>
      <c r="F23" s="1" t="s">
        <v>268</v>
      </c>
      <c r="G23" s="1" t="s">
        <v>343</v>
      </c>
      <c r="H23" s="1" t="s">
        <v>89</v>
      </c>
      <c r="I23" s="1" t="s">
        <v>504</v>
      </c>
      <c r="J23" s="1" t="s">
        <v>412</v>
      </c>
      <c r="K23" s="1" t="s">
        <v>599</v>
      </c>
      <c r="L23" s="1" t="s">
        <v>34</v>
      </c>
      <c r="N23" s="1" t="s">
        <v>35</v>
      </c>
      <c r="O23" s="1" t="s">
        <v>36</v>
      </c>
      <c r="P23" s="1" t="s">
        <v>37</v>
      </c>
      <c r="Q23" s="1" t="s">
        <v>209</v>
      </c>
      <c r="R23" s="1" t="s">
        <v>161</v>
      </c>
      <c r="S23" s="1" t="s">
        <v>312</v>
      </c>
      <c r="U23" s="1">
        <v>13.2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570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474</v>
      </c>
      <c r="B24" s="2">
        <v>0.4548611111111111</v>
      </c>
      <c r="C24" s="1" t="s">
        <v>663</v>
      </c>
      <c r="D24" s="1" t="s">
        <v>42</v>
      </c>
      <c r="E24" s="1" t="s">
        <v>28</v>
      </c>
      <c r="F24" s="1" t="s">
        <v>430</v>
      </c>
      <c r="G24" s="1" t="s">
        <v>493</v>
      </c>
      <c r="H24" s="1" t="s">
        <v>96</v>
      </c>
      <c r="I24" s="1" t="s">
        <v>340</v>
      </c>
      <c r="J24" s="1" t="s">
        <v>412</v>
      </c>
      <c r="K24" s="1" t="s">
        <v>399</v>
      </c>
      <c r="L24" s="1" t="s">
        <v>34</v>
      </c>
      <c r="N24" s="1" t="s">
        <v>35</v>
      </c>
      <c r="O24" s="1" t="s">
        <v>413</v>
      </c>
      <c r="P24" s="1" t="s">
        <v>37</v>
      </c>
      <c r="Q24" s="1" t="s">
        <v>58</v>
      </c>
      <c r="R24" s="1" t="s">
        <v>316</v>
      </c>
      <c r="S24" s="1" t="s">
        <v>108</v>
      </c>
      <c r="T24" s="1" t="s">
        <v>69</v>
      </c>
      <c r="U24" s="1">
        <v>10.199999999999999</v>
      </c>
      <c r="V24" s="3">
        <v>4900</v>
      </c>
      <c r="W24" s="1" t="s">
        <v>682</v>
      </c>
      <c r="X24" s="1">
        <v>1.2</v>
      </c>
      <c r="Y24" s="1">
        <v>0.14000000000000001</v>
      </c>
      <c r="Z24" s="1">
        <v>4.5999999999999999E-3</v>
      </c>
      <c r="AA24" s="1" t="s">
        <v>728</v>
      </c>
      <c r="AB24" s="1" t="s">
        <v>749</v>
      </c>
      <c r="AC24" s="1" t="s">
        <v>683</v>
      </c>
      <c r="AD24" s="1" t="s">
        <v>689</v>
      </c>
      <c r="AE24" s="1" t="s">
        <v>687</v>
      </c>
      <c r="AF24" s="1" t="s">
        <v>686</v>
      </c>
      <c r="AG24" s="1">
        <v>1.1000000000000001E-3</v>
      </c>
      <c r="AH24" s="1" t="s">
        <v>687</v>
      </c>
      <c r="AI24" s="1"/>
      <c r="AJ24" s="1" t="s">
        <v>687</v>
      </c>
      <c r="AK24" s="1" t="s">
        <v>688</v>
      </c>
      <c r="AL24" s="1" t="s">
        <v>688</v>
      </c>
      <c r="AM24" s="1" t="s">
        <v>688</v>
      </c>
      <c r="AN24" s="1" t="s">
        <v>688</v>
      </c>
      <c r="AO24" s="1" t="s">
        <v>688</v>
      </c>
      <c r="AP24" t="s">
        <v>688</v>
      </c>
      <c r="AQ24" s="1" t="s">
        <v>688</v>
      </c>
      <c r="AR24" s="1" t="s">
        <v>688</v>
      </c>
      <c r="AS24" s="1" t="s">
        <v>688</v>
      </c>
      <c r="AT24" s="1" t="s">
        <v>696</v>
      </c>
      <c r="AU24" s="1"/>
      <c r="AV24" s="1"/>
      <c r="AW24" s="1"/>
      <c r="AX24" s="1" t="s">
        <v>688</v>
      </c>
      <c r="AY24" s="1" t="s">
        <v>687</v>
      </c>
      <c r="AZ24" s="1">
        <v>0.28000000000000003</v>
      </c>
      <c r="BA24" s="1">
        <v>0.67</v>
      </c>
      <c r="BB24" s="1">
        <v>0.02</v>
      </c>
      <c r="BC24" s="1">
        <v>0.9</v>
      </c>
      <c r="BD24" s="1">
        <v>0.95</v>
      </c>
      <c r="BE24" s="1" t="s">
        <v>685</v>
      </c>
      <c r="BF24" s="1"/>
      <c r="BG24" s="1"/>
      <c r="BH24" s="1"/>
      <c r="BI24" s="1"/>
      <c r="BJ24" s="1"/>
      <c r="BK24" s="1"/>
      <c r="BL24" s="1"/>
      <c r="BM24" s="1">
        <v>0.12</v>
      </c>
      <c r="BN24" s="1">
        <v>0.13</v>
      </c>
      <c r="BO24" s="1">
        <v>800</v>
      </c>
      <c r="BP24" s="1">
        <v>280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2916666666666663</v>
      </c>
      <c r="C25" s="1" t="s">
        <v>663</v>
      </c>
      <c r="D25" s="1" t="s">
        <v>42</v>
      </c>
      <c r="E25" s="1" t="s">
        <v>28</v>
      </c>
      <c r="F25" s="1" t="s">
        <v>100</v>
      </c>
      <c r="G25" s="1" t="s">
        <v>173</v>
      </c>
      <c r="H25" s="1" t="s">
        <v>54</v>
      </c>
      <c r="I25" s="1" t="s">
        <v>96</v>
      </c>
      <c r="J25" s="1" t="s">
        <v>412</v>
      </c>
      <c r="K25" s="1" t="s">
        <v>392</v>
      </c>
      <c r="L25" s="1" t="s">
        <v>34</v>
      </c>
      <c r="N25" s="1" t="s">
        <v>35</v>
      </c>
      <c r="O25" s="1" t="s">
        <v>36</v>
      </c>
      <c r="P25" s="1" t="s">
        <v>37</v>
      </c>
      <c r="Q25" s="1" t="s">
        <v>209</v>
      </c>
      <c r="R25" s="1" t="s">
        <v>142</v>
      </c>
      <c r="S25" s="1" t="s">
        <v>130</v>
      </c>
      <c r="U25" s="1">
        <v>13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290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80</v>
      </c>
      <c r="B26" s="2">
        <v>0.45208333333333334</v>
      </c>
      <c r="C26" s="1" t="s">
        <v>663</v>
      </c>
      <c r="D26" s="1" t="s">
        <v>42</v>
      </c>
      <c r="E26" s="1" t="s">
        <v>28</v>
      </c>
      <c r="F26" s="1" t="s">
        <v>402</v>
      </c>
      <c r="G26" s="1" t="s">
        <v>182</v>
      </c>
      <c r="H26" s="1" t="s">
        <v>96</v>
      </c>
      <c r="I26" s="1" t="s">
        <v>31</v>
      </c>
      <c r="J26" s="1" t="s">
        <v>412</v>
      </c>
      <c r="K26" s="1" t="s">
        <v>205</v>
      </c>
      <c r="L26" s="1" t="s">
        <v>34</v>
      </c>
      <c r="N26" s="1" t="s">
        <v>35</v>
      </c>
      <c r="O26" s="1" t="s">
        <v>36</v>
      </c>
      <c r="P26" s="1" t="s">
        <v>37</v>
      </c>
      <c r="Q26" s="1" t="s">
        <v>67</v>
      </c>
      <c r="R26" s="1" t="s">
        <v>85</v>
      </c>
      <c r="S26" s="1" t="s">
        <v>108</v>
      </c>
      <c r="U26" s="1">
        <v>11.4</v>
      </c>
      <c r="V26" s="1"/>
      <c r="W26" s="1"/>
      <c r="X26" s="1">
        <v>1.4</v>
      </c>
      <c r="Y26" s="1">
        <v>0.13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687</v>
      </c>
      <c r="AV26" s="1" t="s">
        <v>683</v>
      </c>
      <c r="AW26" s="1" t="s">
        <v>683</v>
      </c>
      <c r="AX26" s="1"/>
      <c r="AY26" s="1"/>
      <c r="AZ26" s="1"/>
      <c r="BA26" s="1"/>
      <c r="BB26" s="1">
        <v>0.01</v>
      </c>
      <c r="BC26" s="1">
        <v>1.1000000000000001</v>
      </c>
      <c r="BD26" s="1">
        <v>1.1000000000000001</v>
      </c>
      <c r="BE26" s="1"/>
      <c r="BF26" s="1"/>
      <c r="BG26" s="1"/>
      <c r="BH26" s="1"/>
      <c r="BI26" s="1"/>
      <c r="BJ26" s="1"/>
      <c r="BK26" s="1"/>
      <c r="BL26" s="1"/>
      <c r="BM26" s="1" t="s">
        <v>700</v>
      </c>
      <c r="BN26" s="1">
        <v>0.12</v>
      </c>
      <c r="BO26" s="1">
        <v>11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6972222222222223</v>
      </c>
      <c r="C27" s="1" t="s">
        <v>663</v>
      </c>
      <c r="D27" s="1" t="s">
        <v>42</v>
      </c>
      <c r="E27" s="1" t="s">
        <v>28</v>
      </c>
      <c r="F27" s="1" t="s">
        <v>604</v>
      </c>
      <c r="G27" s="1" t="s">
        <v>478</v>
      </c>
      <c r="H27" s="1" t="s">
        <v>96</v>
      </c>
      <c r="I27" s="1" t="s">
        <v>31</v>
      </c>
      <c r="J27" s="1" t="s">
        <v>412</v>
      </c>
      <c r="K27" s="1" t="s">
        <v>465</v>
      </c>
      <c r="L27" s="1" t="s">
        <v>34</v>
      </c>
      <c r="N27" s="1" t="s">
        <v>35</v>
      </c>
      <c r="O27" s="1" t="s">
        <v>36</v>
      </c>
      <c r="P27" s="1" t="s">
        <v>37</v>
      </c>
      <c r="Q27" s="1" t="s">
        <v>173</v>
      </c>
      <c r="R27" s="1" t="s">
        <v>59</v>
      </c>
      <c r="S27" s="1" t="s">
        <v>108</v>
      </c>
      <c r="U27" s="1">
        <v>15.5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7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8</vt:i4>
      </vt:variant>
    </vt:vector>
  </HeadingPairs>
  <TitlesOfParts>
    <vt:vector size="8" baseType="lpstr">
      <vt:lpstr>追浜橋</vt:lpstr>
      <vt:lpstr>夫婦橋</vt:lpstr>
      <vt:lpstr>竹川合流後</vt:lpstr>
      <vt:lpstr>下山橋</vt:lpstr>
      <vt:lpstr>森戸橋</vt:lpstr>
      <vt:lpstr>渚橋</vt:lpstr>
      <vt:lpstr>滑川橋</vt:lpstr>
      <vt:lpstr>神戸橋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5:50Z</dcterms:created>
  <dcterms:modified xsi:type="dcterms:W3CDTF">2020-03-21T07:16:03Z</dcterms:modified>
</cp:coreProperties>
</file>